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2.xml" ContentType="application/vnd.openxmlformats-officedocument.presentationml.tags+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3.xml" ContentType="application/vnd.openxmlformats-officedocument.presentationml.tags+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tags/tag4.xml" ContentType="application/vnd.openxmlformats-officedocument.presentationml.tags+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tags/tag5.xml" ContentType="application/vnd.openxmlformats-officedocument.presentationml.tags+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tags/tag6.xml" ContentType="application/vnd.openxmlformats-officedocument.presentationml.tags+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embedTrueTypeFonts="1">
  <p:sldMasterIdLst>
    <p:sldMasterId id="2147483648" r:id="rId12"/>
  </p:sldMasterIdLst>
  <p:notesMasterIdLst>
    <p:notesMasterId r:id="rId75"/>
  </p:notesMasterIdLst>
  <p:handoutMasterIdLst>
    <p:handoutMasterId r:id="rId76"/>
  </p:handoutMasterIdLst>
  <p:sldIdLst>
    <p:sldId id="4428" r:id="rId13"/>
    <p:sldId id="257" r:id="rId14"/>
    <p:sldId id="2145707969" r:id="rId15"/>
    <p:sldId id="2145708008" r:id="rId16"/>
    <p:sldId id="258" r:id="rId17"/>
    <p:sldId id="2145707985" r:id="rId18"/>
    <p:sldId id="2145708003" r:id="rId19"/>
    <p:sldId id="2145707960" r:id="rId20"/>
    <p:sldId id="2145707944" r:id="rId21"/>
    <p:sldId id="2145707945" r:id="rId22"/>
    <p:sldId id="2145707955" r:id="rId23"/>
    <p:sldId id="2145707942" r:id="rId24"/>
    <p:sldId id="2145708004" r:id="rId25"/>
    <p:sldId id="2145708023" r:id="rId26"/>
    <p:sldId id="2145707930" r:id="rId27"/>
    <p:sldId id="2145707946" r:id="rId28"/>
    <p:sldId id="2145707931" r:id="rId29"/>
    <p:sldId id="2145707934" r:id="rId30"/>
    <p:sldId id="2145707933" r:id="rId31"/>
    <p:sldId id="2145707935" r:id="rId32"/>
    <p:sldId id="2145707936" r:id="rId33"/>
    <p:sldId id="2145707973" r:id="rId34"/>
    <p:sldId id="2145708005" r:id="rId35"/>
    <p:sldId id="2145708021" r:id="rId36"/>
    <p:sldId id="2145707956" r:id="rId37"/>
    <p:sldId id="2145707957" r:id="rId38"/>
    <p:sldId id="2145707953" r:id="rId39"/>
    <p:sldId id="2145707927" r:id="rId40"/>
    <p:sldId id="2145707921" r:id="rId41"/>
    <p:sldId id="4444" r:id="rId42"/>
    <p:sldId id="4445" r:id="rId43"/>
    <p:sldId id="2145707967" r:id="rId44"/>
    <p:sldId id="2145708006" r:id="rId45"/>
    <p:sldId id="2145708022" r:id="rId46"/>
    <p:sldId id="2145707971" r:id="rId47"/>
    <p:sldId id="2145707981" r:id="rId48"/>
    <p:sldId id="2145707940" r:id="rId49"/>
    <p:sldId id="2145707952" r:id="rId50"/>
    <p:sldId id="2145708002" r:id="rId51"/>
    <p:sldId id="2145708007" r:id="rId52"/>
    <p:sldId id="2145707965" r:id="rId53"/>
    <p:sldId id="2145708027" r:id="rId54"/>
    <p:sldId id="2145707941" r:id="rId55"/>
    <p:sldId id="2145707989" r:id="rId56"/>
    <p:sldId id="2145707997" r:id="rId57"/>
    <p:sldId id="2145707994" r:id="rId58"/>
    <p:sldId id="2145707995" r:id="rId59"/>
    <p:sldId id="2145707993" r:id="rId60"/>
    <p:sldId id="2145708015" r:id="rId61"/>
    <p:sldId id="2145707998" r:id="rId62"/>
    <p:sldId id="2145708000" r:id="rId63"/>
    <p:sldId id="2145708001" r:id="rId64"/>
    <p:sldId id="2145708010" r:id="rId65"/>
    <p:sldId id="2145708011" r:id="rId66"/>
    <p:sldId id="2145708016" r:id="rId67"/>
    <p:sldId id="2145708017" r:id="rId68"/>
    <p:sldId id="2145708025" r:id="rId69"/>
    <p:sldId id="2145708020" r:id="rId70"/>
    <p:sldId id="2145708029" r:id="rId71"/>
    <p:sldId id="4426" r:id="rId72"/>
    <p:sldId id="4427" r:id="rId73"/>
    <p:sldId id="2145708030" r:id="rId74"/>
  </p:sldIdLst>
  <p:sldSz cx="12192000" cy="6858000"/>
  <p:notesSz cx="7315200" cy="9601200"/>
  <p:embeddedFontLst>
    <p:embeddedFont>
      <p:font typeface="Cadiz Book" pitchFamily="2" charset="77"/>
      <p:regular r:id="rId77"/>
      <p:italic r:id="rId78"/>
    </p:embeddedFont>
    <p:embeddedFont>
      <p:font typeface="Cadiz Book (Body)" pitchFamily="2" charset="77"/>
      <p:regular r:id="rId79"/>
      <p:bold r:id="rId80"/>
      <p:italic r:id="rId81"/>
      <p:boldItalic r:id="rId82"/>
    </p:embeddedFont>
    <p:embeddedFont>
      <p:font typeface="Cadiz SemiBold" pitchFamily="2" charset="77"/>
      <p:regular r:id="rId83"/>
      <p:bold r:id="rId84"/>
      <p:italic r:id="rId85"/>
      <p:boldItalic r:id="rId86"/>
    </p:embeddedFont>
    <p:embeddedFont>
      <p:font typeface="Messina Modern Book" pitchFamily="2" charset="77"/>
      <p:regular r:id="rId87"/>
      <p:italic r:id="rId88"/>
    </p:embeddedFont>
  </p:embeddedFontLst>
  <p:defaultTextStyle>
    <a:defPPr>
      <a:defRPr lang="en-FI"/>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1B1B7118-B550-19E8-EB37-1198BF4BB2CD}" name="Jessica Lehtinen" initials="" userId="S::jessica.lehtinen@gofore.com::723dce8f-a108-482b-b878-51f8c148bd06" providerId="AD"/>
  <p188:author id="{FA52153E-392D-BA8F-A534-9FE1AF05D8EA}" name="Tiila Käenniemi" initials="TK" userId="S::tiila.kaenniemi@gofore.com::fdada210-e967-4a4f-a599-45ffa92a15f7" providerId="AD"/>
  <p188:author id="{16302573-92D5-1A2B-CAF6-CFA94398C081}" name="Hanna Nurminen" initials="" userId="S::hanna.nurminen@gofore.com::02fd6af9-0524-4f5e-800d-580a246bbdf7" providerId="AD"/>
  <p188:author id="{751E2D74-DA2B-275E-4CD5-9230029A424B}" name="Jasmin Tossavainen" initials="" userId="S::jasmin.tossavainen@gofore.com::c02dcc0c-daef-4652-881b-b38a46f23933" providerId="AD"/>
  <p188:author id="{46C1E7BA-8ADF-72E6-9F94-4EC459F6B568}" name="Anna Lucander" initials="" userId="S::Anna.Lucander@gofore.com::268ccb0f-1730-4bd5-af16-43f23fcc162d"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Ilona Suominen" initials="IS" lastIdx="10" clrIdx="0">
    <p:extLst>
      <p:ext uri="{19B8F6BF-5375-455C-9EA6-DF929625EA0E}">
        <p15:presenceInfo xmlns:p15="http://schemas.microsoft.com/office/powerpoint/2012/main" userId="S::ilona.suominen@gofore.com::f02d75d2-ffe8-4926-856c-f47224c29633" providerId="AD"/>
      </p:ext>
    </p:extLst>
  </p:cmAuthor>
  <p:cmAuthor id="2" name="Tomas Rosenqvist" initials="TR" lastIdx="1" clrIdx="1">
    <p:extLst>
      <p:ext uri="{19B8F6BF-5375-455C-9EA6-DF929625EA0E}">
        <p15:presenceInfo xmlns:p15="http://schemas.microsoft.com/office/powerpoint/2012/main" userId="S::tomas.rosenqvist@gofore.com::f848d690-f1ee-4ca1-89af-5061b95060a0"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2E3E5"/>
    <a:srgbClr val="F0F5F5"/>
    <a:srgbClr val="D3E3E5"/>
    <a:srgbClr val="B8EAF1"/>
    <a:srgbClr val="FAF1EF"/>
    <a:srgbClr val="92B1B8"/>
    <a:srgbClr val="FFC6DA"/>
    <a:srgbClr val="44C2DE"/>
    <a:srgbClr val="647D83"/>
    <a:srgbClr val="FF73A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7E9639D4-E3E2-4D34-9284-5A2195B3D0D7}">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79"/>
    <p:restoredTop sz="94684"/>
  </p:normalViewPr>
  <p:slideViewPr>
    <p:cSldViewPr snapToGrid="0">
      <p:cViewPr varScale="1">
        <p:scale>
          <a:sx n="112" d="100"/>
          <a:sy n="112" d="100"/>
        </p:scale>
        <p:origin x="232" y="232"/>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14.xml"/><Relationship Id="rId21" Type="http://schemas.openxmlformats.org/officeDocument/2006/relationships/slide" Target="slides/slide9.xml"/><Relationship Id="rId42" Type="http://schemas.openxmlformats.org/officeDocument/2006/relationships/slide" Target="slides/slide30.xml"/><Relationship Id="rId47" Type="http://schemas.openxmlformats.org/officeDocument/2006/relationships/slide" Target="slides/slide35.xml"/><Relationship Id="rId63" Type="http://schemas.openxmlformats.org/officeDocument/2006/relationships/slide" Target="slides/slide51.xml"/><Relationship Id="rId68" Type="http://schemas.openxmlformats.org/officeDocument/2006/relationships/slide" Target="slides/slide56.xml"/><Relationship Id="rId84" Type="http://schemas.openxmlformats.org/officeDocument/2006/relationships/font" Target="fonts/font8.fntdata"/><Relationship Id="rId89" Type="http://schemas.openxmlformats.org/officeDocument/2006/relationships/commentAuthors" Target="commentAuthors.xml"/><Relationship Id="rId16" Type="http://schemas.openxmlformats.org/officeDocument/2006/relationships/slide" Target="slides/slide4.xml"/><Relationship Id="rId11" Type="http://schemas.openxmlformats.org/officeDocument/2006/relationships/customXml" Target="../customXml/item11.xml"/><Relationship Id="rId32" Type="http://schemas.openxmlformats.org/officeDocument/2006/relationships/slide" Target="slides/slide20.xml"/><Relationship Id="rId37" Type="http://schemas.openxmlformats.org/officeDocument/2006/relationships/slide" Target="slides/slide25.xml"/><Relationship Id="rId53" Type="http://schemas.openxmlformats.org/officeDocument/2006/relationships/slide" Target="slides/slide41.xml"/><Relationship Id="rId58" Type="http://schemas.openxmlformats.org/officeDocument/2006/relationships/slide" Target="slides/slide46.xml"/><Relationship Id="rId74" Type="http://schemas.openxmlformats.org/officeDocument/2006/relationships/slide" Target="slides/slide62.xml"/><Relationship Id="rId79" Type="http://schemas.openxmlformats.org/officeDocument/2006/relationships/font" Target="fonts/font3.fntdata"/><Relationship Id="rId5" Type="http://schemas.openxmlformats.org/officeDocument/2006/relationships/customXml" Target="../customXml/item5.xml"/><Relationship Id="rId90" Type="http://schemas.openxmlformats.org/officeDocument/2006/relationships/presProps" Target="presProps.xml"/><Relationship Id="rId22" Type="http://schemas.openxmlformats.org/officeDocument/2006/relationships/slide" Target="slides/slide10.xml"/><Relationship Id="rId27" Type="http://schemas.openxmlformats.org/officeDocument/2006/relationships/slide" Target="slides/slide15.xml"/><Relationship Id="rId43" Type="http://schemas.openxmlformats.org/officeDocument/2006/relationships/slide" Target="slides/slide31.xml"/><Relationship Id="rId48" Type="http://schemas.openxmlformats.org/officeDocument/2006/relationships/slide" Target="slides/slide36.xml"/><Relationship Id="rId64" Type="http://schemas.openxmlformats.org/officeDocument/2006/relationships/slide" Target="slides/slide52.xml"/><Relationship Id="rId69" Type="http://schemas.openxmlformats.org/officeDocument/2006/relationships/slide" Target="slides/slide57.xml"/><Relationship Id="rId8" Type="http://schemas.openxmlformats.org/officeDocument/2006/relationships/customXml" Target="../customXml/item8.xml"/><Relationship Id="rId51" Type="http://schemas.openxmlformats.org/officeDocument/2006/relationships/slide" Target="slides/slide39.xml"/><Relationship Id="rId72" Type="http://schemas.openxmlformats.org/officeDocument/2006/relationships/slide" Target="slides/slide60.xml"/><Relationship Id="rId80" Type="http://schemas.openxmlformats.org/officeDocument/2006/relationships/font" Target="fonts/font4.fntdata"/><Relationship Id="rId85" Type="http://schemas.openxmlformats.org/officeDocument/2006/relationships/font" Target="fonts/font9.fntdata"/><Relationship Id="rId93"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slide" Target="slides/slide21.xml"/><Relationship Id="rId38" Type="http://schemas.openxmlformats.org/officeDocument/2006/relationships/slide" Target="slides/slide26.xml"/><Relationship Id="rId46" Type="http://schemas.openxmlformats.org/officeDocument/2006/relationships/slide" Target="slides/slide34.xml"/><Relationship Id="rId59" Type="http://schemas.openxmlformats.org/officeDocument/2006/relationships/slide" Target="slides/slide47.xml"/><Relationship Id="rId67" Type="http://schemas.openxmlformats.org/officeDocument/2006/relationships/slide" Target="slides/slide55.xml"/><Relationship Id="rId20" Type="http://schemas.openxmlformats.org/officeDocument/2006/relationships/slide" Target="slides/slide8.xml"/><Relationship Id="rId41" Type="http://schemas.openxmlformats.org/officeDocument/2006/relationships/slide" Target="slides/slide29.xml"/><Relationship Id="rId54" Type="http://schemas.openxmlformats.org/officeDocument/2006/relationships/slide" Target="slides/slide42.xml"/><Relationship Id="rId62" Type="http://schemas.openxmlformats.org/officeDocument/2006/relationships/slide" Target="slides/slide50.xml"/><Relationship Id="rId70" Type="http://schemas.openxmlformats.org/officeDocument/2006/relationships/slide" Target="slides/slide58.xml"/><Relationship Id="rId75" Type="http://schemas.openxmlformats.org/officeDocument/2006/relationships/notesMaster" Target="notesMasters/notesMaster1.xml"/><Relationship Id="rId83" Type="http://schemas.openxmlformats.org/officeDocument/2006/relationships/font" Target="fonts/font7.fntdata"/><Relationship Id="rId88" Type="http://schemas.openxmlformats.org/officeDocument/2006/relationships/font" Target="fonts/font12.fntdata"/><Relationship Id="rId9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slide" Target="slides/slide24.xml"/><Relationship Id="rId49" Type="http://schemas.openxmlformats.org/officeDocument/2006/relationships/slide" Target="slides/slide37.xml"/><Relationship Id="rId57" Type="http://schemas.openxmlformats.org/officeDocument/2006/relationships/slide" Target="slides/slide45.xml"/><Relationship Id="rId10" Type="http://schemas.openxmlformats.org/officeDocument/2006/relationships/customXml" Target="../customXml/item10.xml"/><Relationship Id="rId31" Type="http://schemas.openxmlformats.org/officeDocument/2006/relationships/slide" Target="slides/slide19.xml"/><Relationship Id="rId44" Type="http://schemas.openxmlformats.org/officeDocument/2006/relationships/slide" Target="slides/slide32.xml"/><Relationship Id="rId52" Type="http://schemas.openxmlformats.org/officeDocument/2006/relationships/slide" Target="slides/slide40.xml"/><Relationship Id="rId60" Type="http://schemas.openxmlformats.org/officeDocument/2006/relationships/slide" Target="slides/slide48.xml"/><Relationship Id="rId65" Type="http://schemas.openxmlformats.org/officeDocument/2006/relationships/slide" Target="slides/slide53.xml"/><Relationship Id="rId73" Type="http://schemas.openxmlformats.org/officeDocument/2006/relationships/slide" Target="slides/slide61.xml"/><Relationship Id="rId78" Type="http://schemas.openxmlformats.org/officeDocument/2006/relationships/font" Target="fonts/font2.fntdata"/><Relationship Id="rId81" Type="http://schemas.openxmlformats.org/officeDocument/2006/relationships/font" Target="fonts/font5.fntdata"/><Relationship Id="rId86" Type="http://schemas.openxmlformats.org/officeDocument/2006/relationships/font" Target="fonts/font10.fntdata"/><Relationship Id="rId94"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slide" Target="slides/slide1.xml"/><Relationship Id="rId18" Type="http://schemas.openxmlformats.org/officeDocument/2006/relationships/slide" Target="slides/slide6.xml"/><Relationship Id="rId39" Type="http://schemas.openxmlformats.org/officeDocument/2006/relationships/slide" Target="slides/slide27.xml"/><Relationship Id="rId34" Type="http://schemas.openxmlformats.org/officeDocument/2006/relationships/slide" Target="slides/slide22.xml"/><Relationship Id="rId50" Type="http://schemas.openxmlformats.org/officeDocument/2006/relationships/slide" Target="slides/slide38.xml"/><Relationship Id="rId55" Type="http://schemas.openxmlformats.org/officeDocument/2006/relationships/slide" Target="slides/slide43.xml"/><Relationship Id="rId76" Type="http://schemas.openxmlformats.org/officeDocument/2006/relationships/handoutMaster" Target="handoutMasters/handoutMaster1.xml"/><Relationship Id="rId7" Type="http://schemas.openxmlformats.org/officeDocument/2006/relationships/customXml" Target="../customXml/item7.xml"/><Relationship Id="rId71" Type="http://schemas.openxmlformats.org/officeDocument/2006/relationships/slide" Target="slides/slide59.xml"/><Relationship Id="rId92" Type="http://schemas.openxmlformats.org/officeDocument/2006/relationships/theme" Target="theme/theme1.xml"/><Relationship Id="rId2" Type="http://schemas.openxmlformats.org/officeDocument/2006/relationships/customXml" Target="../customXml/item2.xml"/><Relationship Id="rId29" Type="http://schemas.openxmlformats.org/officeDocument/2006/relationships/slide" Target="slides/slide17.xml"/><Relationship Id="rId24" Type="http://schemas.openxmlformats.org/officeDocument/2006/relationships/slide" Target="slides/slide12.xml"/><Relationship Id="rId40" Type="http://schemas.openxmlformats.org/officeDocument/2006/relationships/slide" Target="slides/slide28.xml"/><Relationship Id="rId45" Type="http://schemas.openxmlformats.org/officeDocument/2006/relationships/slide" Target="slides/slide33.xml"/><Relationship Id="rId66" Type="http://schemas.openxmlformats.org/officeDocument/2006/relationships/slide" Target="slides/slide54.xml"/><Relationship Id="rId87" Type="http://schemas.openxmlformats.org/officeDocument/2006/relationships/font" Target="fonts/font11.fntdata"/><Relationship Id="rId61" Type="http://schemas.openxmlformats.org/officeDocument/2006/relationships/slide" Target="slides/slide49.xml"/><Relationship Id="rId82" Type="http://schemas.openxmlformats.org/officeDocument/2006/relationships/font" Target="fonts/font6.fntdata"/><Relationship Id="rId19" Type="http://schemas.openxmlformats.org/officeDocument/2006/relationships/slide" Target="slides/slide7.xml"/><Relationship Id="rId14" Type="http://schemas.openxmlformats.org/officeDocument/2006/relationships/slide" Target="slides/slide2.xml"/><Relationship Id="rId30" Type="http://schemas.openxmlformats.org/officeDocument/2006/relationships/slide" Target="slides/slide18.xml"/><Relationship Id="rId35" Type="http://schemas.openxmlformats.org/officeDocument/2006/relationships/slide" Target="slides/slide23.xml"/><Relationship Id="rId56" Type="http://schemas.openxmlformats.org/officeDocument/2006/relationships/slide" Target="slides/slide44.xml"/><Relationship Id="rId77" Type="http://schemas.openxmlformats.org/officeDocument/2006/relationships/font" Target="fonts/font1.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126E533F-BE71-774E-B678-FC5DC8D716DF}"/>
              </a:ext>
            </a:extLst>
          </p:cNvPr>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a:lvl1pPr>
          </a:lstStyle>
          <a:p>
            <a:endParaRPr lang="en-FI">
              <a:latin typeface="Cadiz Book" pitchFamily="2" charset="0"/>
            </a:endParaRPr>
          </a:p>
        </p:txBody>
      </p:sp>
      <p:sp>
        <p:nvSpPr>
          <p:cNvPr id="3" name="Date Placeholder 2">
            <a:extLst>
              <a:ext uri="{FF2B5EF4-FFF2-40B4-BE49-F238E27FC236}">
                <a16:creationId xmlns:a16="http://schemas.microsoft.com/office/drawing/2014/main" id="{F94CD060-4394-9248-B863-16EBD3AA5526}"/>
              </a:ext>
            </a:extLst>
          </p:cNvPr>
          <p:cNvSpPr>
            <a:spLocks noGrp="1"/>
          </p:cNvSpPr>
          <p:nvPr>
            <p:ph type="dt" sz="quarter" idx="1"/>
          </p:nvPr>
        </p:nvSpPr>
        <p:spPr>
          <a:xfrm>
            <a:off x="4143587" y="0"/>
            <a:ext cx="3169920" cy="481727"/>
          </a:xfrm>
          <a:prstGeom prst="rect">
            <a:avLst/>
          </a:prstGeom>
        </p:spPr>
        <p:txBody>
          <a:bodyPr vert="horz" lIns="96661" tIns="48331" rIns="96661" bIns="48331" rtlCol="0"/>
          <a:lstStyle>
            <a:lvl1pPr algn="r">
              <a:defRPr sz="1300"/>
            </a:lvl1pPr>
          </a:lstStyle>
          <a:p>
            <a:fld id="{493C00A8-E895-E94F-B539-110966CA9B85}" type="datetimeFigureOut">
              <a:rPr lang="en-FI" smtClean="0">
                <a:latin typeface="Cadiz Book" pitchFamily="2" charset="0"/>
              </a:rPr>
              <a:t>2/10/26</a:t>
            </a:fld>
            <a:endParaRPr lang="en-FI">
              <a:latin typeface="Cadiz Book" pitchFamily="2" charset="0"/>
            </a:endParaRPr>
          </a:p>
        </p:txBody>
      </p:sp>
      <p:sp>
        <p:nvSpPr>
          <p:cNvPr id="4" name="Footer Placeholder 3">
            <a:extLst>
              <a:ext uri="{FF2B5EF4-FFF2-40B4-BE49-F238E27FC236}">
                <a16:creationId xmlns:a16="http://schemas.microsoft.com/office/drawing/2014/main" id="{EAEC4B8C-C9E4-6742-BAE8-7CB2B72C5D2C}"/>
              </a:ext>
            </a:extLst>
          </p:cNvPr>
          <p:cNvSpPr>
            <a:spLocks noGrp="1"/>
          </p:cNvSpPr>
          <p:nvPr>
            <p:ph type="ftr" sz="quarter" idx="2"/>
          </p:nvPr>
        </p:nvSpPr>
        <p:spPr>
          <a:xfrm>
            <a:off x="0" y="9119474"/>
            <a:ext cx="3169920" cy="481726"/>
          </a:xfrm>
          <a:prstGeom prst="rect">
            <a:avLst/>
          </a:prstGeom>
        </p:spPr>
        <p:txBody>
          <a:bodyPr vert="horz" lIns="96661" tIns="48331" rIns="96661" bIns="48331" rtlCol="0" anchor="b"/>
          <a:lstStyle>
            <a:lvl1pPr algn="l">
              <a:defRPr sz="1300"/>
            </a:lvl1pPr>
          </a:lstStyle>
          <a:p>
            <a:endParaRPr lang="en-FI">
              <a:latin typeface="Cadiz Book" pitchFamily="2" charset="0"/>
            </a:endParaRPr>
          </a:p>
        </p:txBody>
      </p:sp>
      <p:sp>
        <p:nvSpPr>
          <p:cNvPr id="5" name="Slide Number Placeholder 4">
            <a:extLst>
              <a:ext uri="{FF2B5EF4-FFF2-40B4-BE49-F238E27FC236}">
                <a16:creationId xmlns:a16="http://schemas.microsoft.com/office/drawing/2014/main" id="{39C65985-8A0C-F843-B99C-0C33E5F4D24C}"/>
              </a:ext>
            </a:extLst>
          </p:cNvPr>
          <p:cNvSpPr>
            <a:spLocks noGrp="1"/>
          </p:cNvSpPr>
          <p:nvPr>
            <p:ph type="sldNum" sz="quarter" idx="3"/>
          </p:nvPr>
        </p:nvSpPr>
        <p:spPr>
          <a:xfrm>
            <a:off x="4143587" y="9119474"/>
            <a:ext cx="3169920" cy="481726"/>
          </a:xfrm>
          <a:prstGeom prst="rect">
            <a:avLst/>
          </a:prstGeom>
        </p:spPr>
        <p:txBody>
          <a:bodyPr vert="horz" lIns="96661" tIns="48331" rIns="96661" bIns="48331" rtlCol="0" anchor="b"/>
          <a:lstStyle>
            <a:lvl1pPr algn="r">
              <a:defRPr sz="1300"/>
            </a:lvl1pPr>
          </a:lstStyle>
          <a:p>
            <a:fld id="{90F4F06E-65CC-9F4A-986E-6396C4A4EDB9}" type="slidenum">
              <a:rPr lang="en-FI" smtClean="0">
                <a:latin typeface="Cadiz Book" pitchFamily="2" charset="0"/>
              </a:rPr>
              <a:t>‹#›</a:t>
            </a:fld>
            <a:endParaRPr lang="en-FI">
              <a:latin typeface="Cadiz Book" pitchFamily="2" charset="0"/>
            </a:endParaRPr>
          </a:p>
        </p:txBody>
      </p:sp>
      <p:grpSp>
        <p:nvGrpSpPr>
          <p:cNvPr id="6" name="Graphic 44">
            <a:extLst>
              <a:ext uri="{FF2B5EF4-FFF2-40B4-BE49-F238E27FC236}">
                <a16:creationId xmlns:a16="http://schemas.microsoft.com/office/drawing/2014/main" id="{F264F4EE-9230-084A-B6F5-308F74D3F0EE}"/>
              </a:ext>
            </a:extLst>
          </p:cNvPr>
          <p:cNvGrpSpPr>
            <a:grpSpLocks noChangeAspect="1"/>
          </p:cNvGrpSpPr>
          <p:nvPr/>
        </p:nvGrpSpPr>
        <p:grpSpPr>
          <a:xfrm>
            <a:off x="3029517" y="481728"/>
            <a:ext cx="1254474" cy="481726"/>
            <a:chOff x="1481713" y="699513"/>
            <a:chExt cx="3229929" cy="1260000"/>
          </a:xfrm>
          <a:solidFill>
            <a:schemeClr val="accent1"/>
          </a:solidFill>
        </p:grpSpPr>
        <p:sp>
          <p:nvSpPr>
            <p:cNvPr id="7" name="Freeform: Shape 71">
              <a:extLst>
                <a:ext uri="{FF2B5EF4-FFF2-40B4-BE49-F238E27FC236}">
                  <a16:creationId xmlns:a16="http://schemas.microsoft.com/office/drawing/2014/main" id="{88F8628F-79C1-A045-9EE2-C4CD5C4F622D}"/>
                </a:ext>
              </a:extLst>
            </p:cNvPr>
            <p:cNvSpPr>
              <a:spLocks noChangeAspect="1"/>
            </p:cNvSpPr>
            <p:nvPr/>
          </p:nvSpPr>
          <p:spPr>
            <a:xfrm>
              <a:off x="1855066" y="1119513"/>
              <a:ext cx="2483222" cy="420000"/>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FF7200"/>
            </a:solidFill>
            <a:ln w="2617" cap="flat">
              <a:noFill/>
              <a:prstDash val="solid"/>
              <a:miter/>
            </a:ln>
          </p:spPr>
          <p:txBody>
            <a:bodyPr rtlCol="0" anchor="ctr"/>
            <a:lstStyle/>
            <a:p>
              <a:endParaRPr lang="en-FI">
                <a:latin typeface="Cadiz Book" panose="00000500000000000000" pitchFamily="50" charset="0"/>
              </a:endParaRPr>
            </a:p>
          </p:txBody>
        </p:sp>
        <p:sp>
          <p:nvSpPr>
            <p:cNvPr id="8" name="Freeform: Shape 72">
              <a:extLst>
                <a:ext uri="{FF2B5EF4-FFF2-40B4-BE49-F238E27FC236}">
                  <a16:creationId xmlns:a16="http://schemas.microsoft.com/office/drawing/2014/main" id="{AA325CC1-7DFC-C040-AD71-52FCD1632AE8}"/>
                </a:ext>
              </a:extLst>
            </p:cNvPr>
            <p:cNvSpPr/>
            <p:nvPr/>
          </p:nvSpPr>
          <p:spPr>
            <a:xfrm>
              <a:off x="1481713" y="699513"/>
              <a:ext cx="3229929" cy="1260000"/>
            </a:xfrm>
            <a:custGeom>
              <a:avLst/>
              <a:gdLst>
                <a:gd name="connsiteX0" fmla="*/ 0 w 3229929"/>
                <a:gd name="connsiteY0" fmla="*/ 0 h 1260000"/>
                <a:gd name="connsiteX1" fmla="*/ 3229929 w 3229929"/>
                <a:gd name="connsiteY1" fmla="*/ 0 h 1260000"/>
                <a:gd name="connsiteX2" fmla="*/ 3229929 w 3229929"/>
                <a:gd name="connsiteY2" fmla="*/ 1260000 h 1260000"/>
                <a:gd name="connsiteX3" fmla="*/ 0 w 3229929"/>
                <a:gd name="connsiteY3" fmla="*/ 1260000 h 1260000"/>
              </a:gdLst>
              <a:ahLst/>
              <a:cxnLst>
                <a:cxn ang="0">
                  <a:pos x="connsiteX0" y="connsiteY0"/>
                </a:cxn>
                <a:cxn ang="0">
                  <a:pos x="connsiteX1" y="connsiteY1"/>
                </a:cxn>
                <a:cxn ang="0">
                  <a:pos x="connsiteX2" y="connsiteY2"/>
                </a:cxn>
                <a:cxn ang="0">
                  <a:pos x="connsiteX3" y="connsiteY3"/>
                </a:cxn>
              </a:cxnLst>
              <a:rect l="l" t="t" r="r" b="b"/>
              <a:pathLst>
                <a:path w="3229929" h="1260000">
                  <a:moveTo>
                    <a:pt x="0" y="0"/>
                  </a:moveTo>
                  <a:lnTo>
                    <a:pt x="3229929" y="0"/>
                  </a:lnTo>
                  <a:lnTo>
                    <a:pt x="3229929" y="1260000"/>
                  </a:lnTo>
                  <a:lnTo>
                    <a:pt x="0" y="1260000"/>
                  </a:lnTo>
                  <a:close/>
                </a:path>
              </a:pathLst>
            </a:custGeom>
            <a:noFill/>
            <a:ln w="2617" cap="flat">
              <a:noFill/>
              <a:prstDash val="solid"/>
              <a:miter/>
            </a:ln>
          </p:spPr>
          <p:txBody>
            <a:bodyPr rtlCol="0" anchor="ctr"/>
            <a:lstStyle/>
            <a:p>
              <a:endParaRPr lang="en-FI">
                <a:latin typeface="Cadiz Book" panose="00000500000000000000" pitchFamily="50" charset="0"/>
              </a:endParaRPr>
            </a:p>
          </p:txBody>
        </p:sp>
      </p:grpSp>
    </p:spTree>
    <p:extLst>
      <p:ext uri="{BB962C8B-B14F-4D97-AF65-F5344CB8AC3E}">
        <p14:creationId xmlns:p14="http://schemas.microsoft.com/office/powerpoint/2010/main" val="417507657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b="0" i="0">
                <a:latin typeface="Cadiz Book" pitchFamily="2" charset="0"/>
              </a:defRPr>
            </a:lvl1pPr>
          </a:lstStyle>
          <a:p>
            <a:endParaRPr lang="en-FI"/>
          </a:p>
        </p:txBody>
      </p:sp>
      <p:sp>
        <p:nvSpPr>
          <p:cNvPr id="3" name="Date Placeholder 2"/>
          <p:cNvSpPr>
            <a:spLocks noGrp="1"/>
          </p:cNvSpPr>
          <p:nvPr>
            <p:ph type="dt" idx="1"/>
          </p:nvPr>
        </p:nvSpPr>
        <p:spPr>
          <a:xfrm>
            <a:off x="4143587" y="0"/>
            <a:ext cx="3169920" cy="481727"/>
          </a:xfrm>
          <a:prstGeom prst="rect">
            <a:avLst/>
          </a:prstGeom>
        </p:spPr>
        <p:txBody>
          <a:bodyPr vert="horz" lIns="96661" tIns="48331" rIns="96661" bIns="48331" rtlCol="0"/>
          <a:lstStyle>
            <a:lvl1pPr algn="r">
              <a:defRPr sz="1300" b="0" i="0">
                <a:latin typeface="Cadiz Book" pitchFamily="2" charset="0"/>
              </a:defRPr>
            </a:lvl1pPr>
          </a:lstStyle>
          <a:p>
            <a:fld id="{CE3EE01A-9E26-46E9-9499-1C628E957BF8}" type="datetimeFigureOut">
              <a:rPr lang="en-FI" smtClean="0"/>
              <a:pPr/>
              <a:t>2/10/26</a:t>
            </a:fld>
            <a:endParaRPr lang="en-FI"/>
          </a:p>
        </p:txBody>
      </p:sp>
      <p:sp>
        <p:nvSpPr>
          <p:cNvPr id="4" name="Slide Image Placeholder 3"/>
          <p:cNvSpPr>
            <a:spLocks noGrp="1" noRot="1" noChangeAspect="1"/>
          </p:cNvSpPr>
          <p:nvPr>
            <p:ph type="sldImg" idx="2"/>
          </p:nvPr>
        </p:nvSpPr>
        <p:spPr>
          <a:xfrm>
            <a:off x="777875" y="1200150"/>
            <a:ext cx="5759450" cy="3240088"/>
          </a:xfrm>
          <a:prstGeom prst="rect">
            <a:avLst/>
          </a:prstGeom>
          <a:noFill/>
          <a:ln w="12700">
            <a:solidFill>
              <a:srgbClr val="A4B4BB"/>
            </a:solidFill>
          </a:ln>
        </p:spPr>
        <p:txBody>
          <a:bodyPr vert="horz" lIns="96661" tIns="48331" rIns="96661" bIns="48331" rtlCol="0" anchor="ctr"/>
          <a:lstStyle/>
          <a:p>
            <a:endParaRPr lang="en-FI"/>
          </a:p>
        </p:txBody>
      </p:sp>
      <p:sp>
        <p:nvSpPr>
          <p:cNvPr id="5" name="Notes Placeholder 4"/>
          <p:cNvSpPr>
            <a:spLocks noGrp="1"/>
          </p:cNvSpPr>
          <p:nvPr>
            <p:ph type="body" sz="quarter" idx="3"/>
          </p:nvPr>
        </p:nvSpPr>
        <p:spPr>
          <a:xfrm>
            <a:off x="731520" y="4620577"/>
            <a:ext cx="5852160" cy="3780473"/>
          </a:xfrm>
          <a:prstGeom prst="rect">
            <a:avLst/>
          </a:prstGeom>
        </p:spPr>
        <p:txBody>
          <a:bodyPr vert="horz" lIns="96661" tIns="48331" rIns="96661" bIns="48331"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sp>
        <p:nvSpPr>
          <p:cNvPr id="6" name="Footer Placeholder 5"/>
          <p:cNvSpPr>
            <a:spLocks noGrp="1"/>
          </p:cNvSpPr>
          <p:nvPr>
            <p:ph type="ftr" sz="quarter" idx="4"/>
          </p:nvPr>
        </p:nvSpPr>
        <p:spPr>
          <a:xfrm>
            <a:off x="0" y="9119474"/>
            <a:ext cx="3169920" cy="481726"/>
          </a:xfrm>
          <a:prstGeom prst="rect">
            <a:avLst/>
          </a:prstGeom>
        </p:spPr>
        <p:txBody>
          <a:bodyPr vert="horz" lIns="96661" tIns="48331" rIns="96661" bIns="48331" rtlCol="0" anchor="b"/>
          <a:lstStyle>
            <a:lvl1pPr algn="l">
              <a:defRPr sz="1300">
                <a:latin typeface="Cadiz Book" pitchFamily="2" charset="0"/>
              </a:defRPr>
            </a:lvl1pPr>
          </a:lstStyle>
          <a:p>
            <a:endParaRPr lang="en-FI"/>
          </a:p>
        </p:txBody>
      </p:sp>
      <p:sp>
        <p:nvSpPr>
          <p:cNvPr id="7" name="Slide Number Placeholder 6"/>
          <p:cNvSpPr>
            <a:spLocks noGrp="1"/>
          </p:cNvSpPr>
          <p:nvPr>
            <p:ph type="sldNum" sz="quarter" idx="5"/>
          </p:nvPr>
        </p:nvSpPr>
        <p:spPr>
          <a:xfrm>
            <a:off x="4143587" y="9119474"/>
            <a:ext cx="3169920" cy="481726"/>
          </a:xfrm>
          <a:prstGeom prst="rect">
            <a:avLst/>
          </a:prstGeom>
        </p:spPr>
        <p:txBody>
          <a:bodyPr vert="horz" lIns="96661" tIns="48331" rIns="96661" bIns="48331" rtlCol="0" anchor="b"/>
          <a:lstStyle>
            <a:lvl1pPr algn="r">
              <a:defRPr sz="1300">
                <a:latin typeface="Cadiz Book" pitchFamily="2" charset="0"/>
              </a:defRPr>
            </a:lvl1pPr>
          </a:lstStyle>
          <a:p>
            <a:fld id="{B5B36F11-82FF-42F3-8222-09CCE8829849}" type="slidenum">
              <a:rPr lang="en-FI" smtClean="0"/>
              <a:pPr/>
              <a:t>‹#›</a:t>
            </a:fld>
            <a:endParaRPr lang="en-FI"/>
          </a:p>
        </p:txBody>
      </p:sp>
      <p:grpSp>
        <p:nvGrpSpPr>
          <p:cNvPr id="8" name="Graphic 44">
            <a:extLst>
              <a:ext uri="{FF2B5EF4-FFF2-40B4-BE49-F238E27FC236}">
                <a16:creationId xmlns:a16="http://schemas.microsoft.com/office/drawing/2014/main" id="{D73BED26-AE06-1445-A924-6BB8303CD682}"/>
              </a:ext>
            </a:extLst>
          </p:cNvPr>
          <p:cNvGrpSpPr>
            <a:grpSpLocks noChangeAspect="1"/>
          </p:cNvGrpSpPr>
          <p:nvPr/>
        </p:nvGrpSpPr>
        <p:grpSpPr>
          <a:xfrm>
            <a:off x="3029517" y="481728"/>
            <a:ext cx="1254474" cy="481726"/>
            <a:chOff x="1481713" y="699513"/>
            <a:chExt cx="3229929" cy="1260000"/>
          </a:xfrm>
          <a:solidFill>
            <a:schemeClr val="accent1"/>
          </a:solidFill>
        </p:grpSpPr>
        <p:sp>
          <p:nvSpPr>
            <p:cNvPr id="9" name="Freeform: Shape 71">
              <a:extLst>
                <a:ext uri="{FF2B5EF4-FFF2-40B4-BE49-F238E27FC236}">
                  <a16:creationId xmlns:a16="http://schemas.microsoft.com/office/drawing/2014/main" id="{5561C7F6-B4D7-8F48-A510-FBFD962E69E2}"/>
                </a:ext>
              </a:extLst>
            </p:cNvPr>
            <p:cNvSpPr>
              <a:spLocks noChangeAspect="1"/>
            </p:cNvSpPr>
            <p:nvPr/>
          </p:nvSpPr>
          <p:spPr>
            <a:xfrm>
              <a:off x="1855066" y="1119513"/>
              <a:ext cx="2483222" cy="420000"/>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FF7200"/>
            </a:solidFill>
            <a:ln w="2617" cap="flat">
              <a:noFill/>
              <a:prstDash val="solid"/>
              <a:miter/>
            </a:ln>
          </p:spPr>
          <p:txBody>
            <a:bodyPr rtlCol="0" anchor="ctr"/>
            <a:lstStyle/>
            <a:p>
              <a:endParaRPr lang="en-FI" b="0" i="0">
                <a:latin typeface="Cadiz Book" pitchFamily="2" charset="0"/>
              </a:endParaRPr>
            </a:p>
          </p:txBody>
        </p:sp>
        <p:sp>
          <p:nvSpPr>
            <p:cNvPr id="10" name="Freeform: Shape 72">
              <a:extLst>
                <a:ext uri="{FF2B5EF4-FFF2-40B4-BE49-F238E27FC236}">
                  <a16:creationId xmlns:a16="http://schemas.microsoft.com/office/drawing/2014/main" id="{B8603420-8E6C-864E-B16D-5D20EC83602C}"/>
                </a:ext>
              </a:extLst>
            </p:cNvPr>
            <p:cNvSpPr/>
            <p:nvPr/>
          </p:nvSpPr>
          <p:spPr>
            <a:xfrm>
              <a:off x="1481713" y="699513"/>
              <a:ext cx="3229929" cy="1260000"/>
            </a:xfrm>
            <a:custGeom>
              <a:avLst/>
              <a:gdLst>
                <a:gd name="connsiteX0" fmla="*/ 0 w 3229929"/>
                <a:gd name="connsiteY0" fmla="*/ 0 h 1260000"/>
                <a:gd name="connsiteX1" fmla="*/ 3229929 w 3229929"/>
                <a:gd name="connsiteY1" fmla="*/ 0 h 1260000"/>
                <a:gd name="connsiteX2" fmla="*/ 3229929 w 3229929"/>
                <a:gd name="connsiteY2" fmla="*/ 1260000 h 1260000"/>
                <a:gd name="connsiteX3" fmla="*/ 0 w 3229929"/>
                <a:gd name="connsiteY3" fmla="*/ 1260000 h 1260000"/>
              </a:gdLst>
              <a:ahLst/>
              <a:cxnLst>
                <a:cxn ang="0">
                  <a:pos x="connsiteX0" y="connsiteY0"/>
                </a:cxn>
                <a:cxn ang="0">
                  <a:pos x="connsiteX1" y="connsiteY1"/>
                </a:cxn>
                <a:cxn ang="0">
                  <a:pos x="connsiteX2" y="connsiteY2"/>
                </a:cxn>
                <a:cxn ang="0">
                  <a:pos x="connsiteX3" y="connsiteY3"/>
                </a:cxn>
              </a:cxnLst>
              <a:rect l="l" t="t" r="r" b="b"/>
              <a:pathLst>
                <a:path w="3229929" h="1260000">
                  <a:moveTo>
                    <a:pt x="0" y="0"/>
                  </a:moveTo>
                  <a:lnTo>
                    <a:pt x="3229929" y="0"/>
                  </a:lnTo>
                  <a:lnTo>
                    <a:pt x="3229929" y="1260000"/>
                  </a:lnTo>
                  <a:lnTo>
                    <a:pt x="0" y="1260000"/>
                  </a:lnTo>
                  <a:close/>
                </a:path>
              </a:pathLst>
            </a:custGeom>
            <a:noFill/>
            <a:ln w="2617" cap="flat">
              <a:noFill/>
              <a:prstDash val="solid"/>
              <a:miter/>
            </a:ln>
          </p:spPr>
          <p:txBody>
            <a:bodyPr rtlCol="0" anchor="ctr"/>
            <a:lstStyle/>
            <a:p>
              <a:endParaRPr lang="en-FI" b="0" i="0">
                <a:latin typeface="Cadiz Book" pitchFamily="2" charset="0"/>
              </a:endParaRPr>
            </a:p>
          </p:txBody>
        </p:sp>
      </p:grpSp>
    </p:spTree>
    <p:extLst>
      <p:ext uri="{BB962C8B-B14F-4D97-AF65-F5344CB8AC3E}">
        <p14:creationId xmlns:p14="http://schemas.microsoft.com/office/powerpoint/2010/main" val="3822450838"/>
      </p:ext>
    </p:extLst>
  </p:cSld>
  <p:clrMap bg1="lt1" tx1="dk1" bg2="lt2" tx2="dk2" accent1="accent1" accent2="accent2" accent3="accent3" accent4="accent4" accent5="accent5" accent6="accent6" hlink="hlink" folHlink="folHlink"/>
  <p:notesStyle>
    <a:lvl1pPr marL="1714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1pPr>
    <a:lvl2pPr marL="6286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2pPr>
    <a:lvl3pPr marL="10858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3pPr>
    <a:lvl4pPr marL="15430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4pPr>
    <a:lvl5pPr marL="20002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2</a:t>
            </a:fld>
            <a:endParaRPr lang="en-FI"/>
          </a:p>
        </p:txBody>
      </p:sp>
    </p:spTree>
    <p:extLst>
      <p:ext uri="{BB962C8B-B14F-4D97-AF65-F5344CB8AC3E}">
        <p14:creationId xmlns:p14="http://schemas.microsoft.com/office/powerpoint/2010/main" val="163800074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8390" indent="0">
              <a:buNone/>
            </a:pPr>
            <a:endParaRPr lang="fi-FI"/>
          </a:p>
        </p:txBody>
      </p:sp>
      <p:sp>
        <p:nvSpPr>
          <p:cNvPr id="4" name="Slide Number Placeholder 3"/>
          <p:cNvSpPr>
            <a:spLocks noGrp="1"/>
          </p:cNvSpPr>
          <p:nvPr>
            <p:ph type="sldNum" sz="quarter" idx="5"/>
          </p:nvPr>
        </p:nvSpPr>
        <p:spPr/>
        <p:txBody>
          <a:bodyPr/>
          <a:lstStyle/>
          <a:p>
            <a:fld id="{B5B36F11-82FF-42F3-8222-09CCE8829849}" type="slidenum">
              <a:rPr lang="en-FI" smtClean="0"/>
              <a:pPr/>
              <a:t>12</a:t>
            </a:fld>
            <a:endParaRPr lang="en-FI"/>
          </a:p>
        </p:txBody>
      </p:sp>
    </p:spTree>
    <p:extLst>
      <p:ext uri="{BB962C8B-B14F-4D97-AF65-F5344CB8AC3E}">
        <p14:creationId xmlns:p14="http://schemas.microsoft.com/office/powerpoint/2010/main" val="357876096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98011E-63BA-5C15-F83C-EC97DB7B3D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340E1BB-1ED1-A2C1-BA63-E0464210DA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7284C3-DDCB-D679-211D-F7071A0A9DD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ACD4B4F-5684-71EC-15A9-B056B76174A4}"/>
              </a:ext>
            </a:extLst>
          </p:cNvPr>
          <p:cNvSpPr>
            <a:spLocks noGrp="1"/>
          </p:cNvSpPr>
          <p:nvPr>
            <p:ph type="sldNum" sz="quarter" idx="5"/>
          </p:nvPr>
        </p:nvSpPr>
        <p:spPr/>
        <p:txBody>
          <a:bodyPr/>
          <a:lstStyle/>
          <a:p>
            <a:fld id="{B5B36F11-82FF-42F3-8222-09CCE8829849}" type="slidenum">
              <a:rPr lang="en-FI" smtClean="0"/>
              <a:pPr/>
              <a:t>13</a:t>
            </a:fld>
            <a:endParaRPr lang="en-FI"/>
          </a:p>
        </p:txBody>
      </p:sp>
    </p:spTree>
    <p:extLst>
      <p:ext uri="{BB962C8B-B14F-4D97-AF65-F5344CB8AC3E}">
        <p14:creationId xmlns:p14="http://schemas.microsoft.com/office/powerpoint/2010/main" val="348634434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E24BEF-57D2-354C-5922-A41CEF34CA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21B1928-1707-76D7-1871-A939ED6D3F8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E3632A4-D523-F692-E50A-6D8F9EF14B5D}"/>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3141679A-0641-CADF-814B-947D5A65C8BF}"/>
              </a:ext>
            </a:extLst>
          </p:cNvPr>
          <p:cNvSpPr>
            <a:spLocks noGrp="1"/>
          </p:cNvSpPr>
          <p:nvPr>
            <p:ph type="sldNum" sz="quarter" idx="5"/>
          </p:nvPr>
        </p:nvSpPr>
        <p:spPr/>
        <p:txBody>
          <a:bodyPr/>
          <a:lstStyle/>
          <a:p>
            <a:fld id="{B5B36F11-82FF-42F3-8222-09CCE8829849}" type="slidenum">
              <a:rPr lang="en-FI" smtClean="0"/>
              <a:pPr/>
              <a:t>14</a:t>
            </a:fld>
            <a:endParaRPr lang="en-FI"/>
          </a:p>
        </p:txBody>
      </p:sp>
    </p:spTree>
    <p:extLst>
      <p:ext uri="{BB962C8B-B14F-4D97-AF65-F5344CB8AC3E}">
        <p14:creationId xmlns:p14="http://schemas.microsoft.com/office/powerpoint/2010/main" val="96792773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15</a:t>
            </a:fld>
            <a:endParaRPr lang="en-FI"/>
          </a:p>
        </p:txBody>
      </p:sp>
    </p:spTree>
    <p:extLst>
      <p:ext uri="{BB962C8B-B14F-4D97-AF65-F5344CB8AC3E}">
        <p14:creationId xmlns:p14="http://schemas.microsoft.com/office/powerpoint/2010/main" val="84133972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16</a:t>
            </a:fld>
            <a:endParaRPr lang="en-FI"/>
          </a:p>
        </p:txBody>
      </p:sp>
    </p:spTree>
    <p:extLst>
      <p:ext uri="{BB962C8B-B14F-4D97-AF65-F5344CB8AC3E}">
        <p14:creationId xmlns:p14="http://schemas.microsoft.com/office/powerpoint/2010/main" val="41924638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17</a:t>
            </a:fld>
            <a:endParaRPr lang="en-FI"/>
          </a:p>
        </p:txBody>
      </p:sp>
    </p:spTree>
    <p:extLst>
      <p:ext uri="{BB962C8B-B14F-4D97-AF65-F5344CB8AC3E}">
        <p14:creationId xmlns:p14="http://schemas.microsoft.com/office/powerpoint/2010/main" val="120655968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C20585-FC23-5DCA-38E2-D4EEBD0431D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6B7C60D-E7C4-C45B-2232-9D8FE87E07E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ED3B0F6-FD91-172F-F17C-DFC79998A69C}"/>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5897AC6B-414C-4ED2-8373-9233A9C599B3}"/>
              </a:ext>
            </a:extLst>
          </p:cNvPr>
          <p:cNvSpPr>
            <a:spLocks noGrp="1"/>
          </p:cNvSpPr>
          <p:nvPr>
            <p:ph type="sldNum" sz="quarter" idx="5"/>
          </p:nvPr>
        </p:nvSpPr>
        <p:spPr/>
        <p:txBody>
          <a:bodyPr/>
          <a:lstStyle/>
          <a:p>
            <a:fld id="{B5B36F11-82FF-42F3-8222-09CCE8829849}" type="slidenum">
              <a:rPr lang="en-FI" smtClean="0"/>
              <a:pPr/>
              <a:t>18</a:t>
            </a:fld>
            <a:endParaRPr lang="en-FI"/>
          </a:p>
        </p:txBody>
      </p:sp>
    </p:spTree>
    <p:extLst>
      <p:ext uri="{BB962C8B-B14F-4D97-AF65-F5344CB8AC3E}">
        <p14:creationId xmlns:p14="http://schemas.microsoft.com/office/powerpoint/2010/main" val="87277056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6BA91E-4B9C-B41F-AB6D-492B8F11707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F9F3FD9-0CB1-FE87-218B-38802FB7B0A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FB9ED44-9C75-72AA-0C30-79B63B6C454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F218940-3ECC-C62A-A080-15CF900A527B}"/>
              </a:ext>
            </a:extLst>
          </p:cNvPr>
          <p:cNvSpPr>
            <a:spLocks noGrp="1"/>
          </p:cNvSpPr>
          <p:nvPr>
            <p:ph type="sldNum" sz="quarter" idx="5"/>
          </p:nvPr>
        </p:nvSpPr>
        <p:spPr/>
        <p:txBody>
          <a:bodyPr/>
          <a:lstStyle/>
          <a:p>
            <a:fld id="{B5B36F11-82FF-42F3-8222-09CCE8829849}" type="slidenum">
              <a:rPr lang="en-FI" smtClean="0"/>
              <a:pPr/>
              <a:t>19</a:t>
            </a:fld>
            <a:endParaRPr lang="en-FI"/>
          </a:p>
        </p:txBody>
      </p:sp>
    </p:spTree>
    <p:extLst>
      <p:ext uri="{BB962C8B-B14F-4D97-AF65-F5344CB8AC3E}">
        <p14:creationId xmlns:p14="http://schemas.microsoft.com/office/powerpoint/2010/main" val="151484931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CE4FD6-D7FB-05B8-F850-C92B79041DA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CC6CECB-9FC0-925A-1805-36B51E2919A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8BFA83C-CA3C-A29A-6855-239265A4606A}"/>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20B99CA-E116-D232-CF09-07A07067DB02}"/>
              </a:ext>
            </a:extLst>
          </p:cNvPr>
          <p:cNvSpPr>
            <a:spLocks noGrp="1"/>
          </p:cNvSpPr>
          <p:nvPr>
            <p:ph type="sldNum" sz="quarter" idx="5"/>
          </p:nvPr>
        </p:nvSpPr>
        <p:spPr/>
        <p:txBody>
          <a:bodyPr/>
          <a:lstStyle/>
          <a:p>
            <a:fld id="{B5B36F11-82FF-42F3-8222-09CCE8829849}" type="slidenum">
              <a:rPr lang="en-FI" smtClean="0"/>
              <a:pPr/>
              <a:t>20</a:t>
            </a:fld>
            <a:endParaRPr lang="en-FI"/>
          </a:p>
        </p:txBody>
      </p:sp>
    </p:spTree>
    <p:extLst>
      <p:ext uri="{BB962C8B-B14F-4D97-AF65-F5344CB8AC3E}">
        <p14:creationId xmlns:p14="http://schemas.microsoft.com/office/powerpoint/2010/main" val="70635102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1F1285-98FF-27D9-92ED-028BF0B66D3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F18D0DC-A2F7-0F54-54F6-578085CA69A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E98EF58-6261-D999-A1B2-71ADB47F8058}"/>
              </a:ext>
            </a:extLst>
          </p:cNvPr>
          <p:cNvSpPr>
            <a:spLocks noGrp="1"/>
          </p:cNvSpPr>
          <p:nvPr>
            <p:ph type="body" idx="1"/>
          </p:nvPr>
        </p:nvSpPr>
        <p:spPr/>
        <p:txBody>
          <a:bodyPr/>
          <a:lstStyle/>
          <a:p>
            <a:endParaRPr lang="fi-FI"/>
          </a:p>
        </p:txBody>
      </p:sp>
      <p:sp>
        <p:nvSpPr>
          <p:cNvPr id="4" name="Slide Number Placeholder 3">
            <a:extLst>
              <a:ext uri="{FF2B5EF4-FFF2-40B4-BE49-F238E27FC236}">
                <a16:creationId xmlns:a16="http://schemas.microsoft.com/office/drawing/2014/main" id="{1A87B787-F6C8-5A24-853C-013093DE9C28}"/>
              </a:ext>
            </a:extLst>
          </p:cNvPr>
          <p:cNvSpPr>
            <a:spLocks noGrp="1"/>
          </p:cNvSpPr>
          <p:nvPr>
            <p:ph type="sldNum" sz="quarter" idx="5"/>
          </p:nvPr>
        </p:nvSpPr>
        <p:spPr/>
        <p:txBody>
          <a:bodyPr/>
          <a:lstStyle/>
          <a:p>
            <a:fld id="{B5B36F11-82FF-42F3-8222-09CCE8829849}" type="slidenum">
              <a:rPr lang="en-FI" smtClean="0"/>
              <a:pPr/>
              <a:t>21</a:t>
            </a:fld>
            <a:endParaRPr lang="en-FI"/>
          </a:p>
        </p:txBody>
      </p:sp>
    </p:spTree>
    <p:extLst>
      <p:ext uri="{BB962C8B-B14F-4D97-AF65-F5344CB8AC3E}">
        <p14:creationId xmlns:p14="http://schemas.microsoft.com/office/powerpoint/2010/main" val="367077275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881A65-A7DC-3EAE-44DF-3F68DC2C5B0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6CB16FE-5FB2-9D73-B565-1C513798879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FBAC7E7-98E7-E27C-1EE8-A8D148936B9E}"/>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229367CE-AAAB-2BDE-49BF-E81B0D1E0A36}"/>
              </a:ext>
            </a:extLst>
          </p:cNvPr>
          <p:cNvSpPr>
            <a:spLocks noGrp="1"/>
          </p:cNvSpPr>
          <p:nvPr>
            <p:ph type="sldNum" sz="quarter" idx="5"/>
          </p:nvPr>
        </p:nvSpPr>
        <p:spPr/>
        <p:txBody>
          <a:bodyPr/>
          <a:lstStyle/>
          <a:p>
            <a:fld id="{B5B36F11-82FF-42F3-8222-09CCE8829849}" type="slidenum">
              <a:rPr lang="en-FI" smtClean="0"/>
              <a:pPr/>
              <a:t>3</a:t>
            </a:fld>
            <a:endParaRPr lang="en-FI"/>
          </a:p>
        </p:txBody>
      </p:sp>
    </p:spTree>
    <p:extLst>
      <p:ext uri="{BB962C8B-B14F-4D97-AF65-F5344CB8AC3E}">
        <p14:creationId xmlns:p14="http://schemas.microsoft.com/office/powerpoint/2010/main" val="299010326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69C0BA-CE65-A46C-E25F-0A6A3B87413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772CB10-7AE6-EF46-DC98-872DFB34BCB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9D41D64-CC39-CC97-ADA0-8F8EA7F31FB9}"/>
              </a:ext>
            </a:extLst>
          </p:cNvPr>
          <p:cNvSpPr>
            <a:spLocks noGrp="1"/>
          </p:cNvSpPr>
          <p:nvPr>
            <p:ph type="body" idx="1"/>
          </p:nvPr>
        </p:nvSpPr>
        <p:spPr/>
        <p:txBody>
          <a:bodyPr/>
          <a:lstStyle/>
          <a:p>
            <a:pPr marL="8390" indent="0">
              <a:buNone/>
            </a:pPr>
            <a:endParaRPr lang="fi-FI"/>
          </a:p>
        </p:txBody>
      </p:sp>
      <p:sp>
        <p:nvSpPr>
          <p:cNvPr id="4" name="Slide Number Placeholder 3">
            <a:extLst>
              <a:ext uri="{FF2B5EF4-FFF2-40B4-BE49-F238E27FC236}">
                <a16:creationId xmlns:a16="http://schemas.microsoft.com/office/drawing/2014/main" id="{083BE267-84E6-E16B-3827-775652DBF00B}"/>
              </a:ext>
            </a:extLst>
          </p:cNvPr>
          <p:cNvSpPr>
            <a:spLocks noGrp="1"/>
          </p:cNvSpPr>
          <p:nvPr>
            <p:ph type="sldNum" sz="quarter" idx="5"/>
          </p:nvPr>
        </p:nvSpPr>
        <p:spPr/>
        <p:txBody>
          <a:bodyPr/>
          <a:lstStyle/>
          <a:p>
            <a:fld id="{B5B36F11-82FF-42F3-8222-09CCE8829849}" type="slidenum">
              <a:rPr lang="en-FI" smtClean="0"/>
              <a:pPr/>
              <a:t>22</a:t>
            </a:fld>
            <a:endParaRPr lang="en-FI"/>
          </a:p>
        </p:txBody>
      </p:sp>
    </p:spTree>
    <p:extLst>
      <p:ext uri="{BB962C8B-B14F-4D97-AF65-F5344CB8AC3E}">
        <p14:creationId xmlns:p14="http://schemas.microsoft.com/office/powerpoint/2010/main" val="150178208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2D845F-6CC4-60B8-A78C-38B3387C473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F42647C-057F-1D92-4FD9-1835DDF5961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E9FF35D-0658-C508-63E4-A2ABFC112A0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7A275408-E1D6-FBC9-C9D0-4EA7A92EE9F8}"/>
              </a:ext>
            </a:extLst>
          </p:cNvPr>
          <p:cNvSpPr>
            <a:spLocks noGrp="1"/>
          </p:cNvSpPr>
          <p:nvPr>
            <p:ph type="sldNum" sz="quarter" idx="5"/>
          </p:nvPr>
        </p:nvSpPr>
        <p:spPr/>
        <p:txBody>
          <a:bodyPr/>
          <a:lstStyle/>
          <a:p>
            <a:fld id="{B5B36F11-82FF-42F3-8222-09CCE8829849}" type="slidenum">
              <a:rPr lang="en-FI" smtClean="0"/>
              <a:pPr/>
              <a:t>23</a:t>
            </a:fld>
            <a:endParaRPr lang="en-FI"/>
          </a:p>
        </p:txBody>
      </p:sp>
    </p:spTree>
    <p:extLst>
      <p:ext uri="{BB962C8B-B14F-4D97-AF65-F5344CB8AC3E}">
        <p14:creationId xmlns:p14="http://schemas.microsoft.com/office/powerpoint/2010/main" val="258956706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FF4884-5D5C-7551-DB88-5B08135D45D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15A7606-A05A-9AE4-1E85-1F686C2964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1ECD729-6E18-0449-66E6-5E32060A0891}"/>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FDCD7933-FEC2-7B2E-3C8A-A3108BF23FC3}"/>
              </a:ext>
            </a:extLst>
          </p:cNvPr>
          <p:cNvSpPr>
            <a:spLocks noGrp="1"/>
          </p:cNvSpPr>
          <p:nvPr>
            <p:ph type="sldNum" sz="quarter" idx="5"/>
          </p:nvPr>
        </p:nvSpPr>
        <p:spPr/>
        <p:txBody>
          <a:bodyPr/>
          <a:lstStyle/>
          <a:p>
            <a:fld id="{B5B36F11-82FF-42F3-8222-09CCE8829849}" type="slidenum">
              <a:rPr lang="en-FI" smtClean="0"/>
              <a:pPr/>
              <a:t>24</a:t>
            </a:fld>
            <a:endParaRPr lang="en-FI"/>
          </a:p>
        </p:txBody>
      </p:sp>
    </p:spTree>
    <p:extLst>
      <p:ext uri="{BB962C8B-B14F-4D97-AF65-F5344CB8AC3E}">
        <p14:creationId xmlns:p14="http://schemas.microsoft.com/office/powerpoint/2010/main" val="253215721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fi-FI" sz="1300" kern="10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B5B36F11-82FF-42F3-8222-09CCE8829849}" type="slidenum">
              <a:rPr lang="en-FI" smtClean="0"/>
              <a:pPr/>
              <a:t>25</a:t>
            </a:fld>
            <a:endParaRPr lang="en-FI"/>
          </a:p>
        </p:txBody>
      </p:sp>
    </p:spTree>
    <p:extLst>
      <p:ext uri="{BB962C8B-B14F-4D97-AF65-F5344CB8AC3E}">
        <p14:creationId xmlns:p14="http://schemas.microsoft.com/office/powerpoint/2010/main" val="37499123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26</a:t>
            </a:fld>
            <a:endParaRPr lang="en-FI"/>
          </a:p>
        </p:txBody>
      </p:sp>
    </p:spTree>
    <p:extLst>
      <p:ext uri="{BB962C8B-B14F-4D97-AF65-F5344CB8AC3E}">
        <p14:creationId xmlns:p14="http://schemas.microsoft.com/office/powerpoint/2010/main" val="1282033026"/>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27</a:t>
            </a:fld>
            <a:endParaRPr lang="en-FI"/>
          </a:p>
        </p:txBody>
      </p:sp>
    </p:spTree>
    <p:extLst>
      <p:ext uri="{BB962C8B-B14F-4D97-AF65-F5344CB8AC3E}">
        <p14:creationId xmlns:p14="http://schemas.microsoft.com/office/powerpoint/2010/main" val="424328751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BB5F81-0058-3879-2502-809EAAC16A6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834CB08-8496-E8BF-A9DC-D284A41FFE6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43B3783-866A-6348-7014-8708D2001D49}"/>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527F58C4-5F1F-1AC5-64AE-75ED621ABC0A}"/>
              </a:ext>
            </a:extLst>
          </p:cNvPr>
          <p:cNvSpPr>
            <a:spLocks noGrp="1"/>
          </p:cNvSpPr>
          <p:nvPr>
            <p:ph type="sldNum" sz="quarter" idx="5"/>
          </p:nvPr>
        </p:nvSpPr>
        <p:spPr/>
        <p:txBody>
          <a:bodyPr/>
          <a:lstStyle/>
          <a:p>
            <a:fld id="{B5B36F11-82FF-42F3-8222-09CCE8829849}" type="slidenum">
              <a:rPr lang="en-FI" smtClean="0"/>
              <a:pPr/>
              <a:t>28</a:t>
            </a:fld>
            <a:endParaRPr lang="en-FI"/>
          </a:p>
        </p:txBody>
      </p:sp>
    </p:spTree>
    <p:extLst>
      <p:ext uri="{BB962C8B-B14F-4D97-AF65-F5344CB8AC3E}">
        <p14:creationId xmlns:p14="http://schemas.microsoft.com/office/powerpoint/2010/main" val="1655434319"/>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7D12D6-1A5C-E8A8-D0C5-0E74E233D35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0C70828-C3A6-5627-B6F1-0D4CA30D7E7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01B456C-94CA-2D96-5153-AE0084D24141}"/>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BF459D2-D78C-0C42-630A-DF2CFE9947C6}"/>
              </a:ext>
            </a:extLst>
          </p:cNvPr>
          <p:cNvSpPr>
            <a:spLocks noGrp="1"/>
          </p:cNvSpPr>
          <p:nvPr>
            <p:ph type="sldNum" sz="quarter" idx="5"/>
          </p:nvPr>
        </p:nvSpPr>
        <p:spPr/>
        <p:txBody>
          <a:bodyPr/>
          <a:lstStyle/>
          <a:p>
            <a:fld id="{B5B36F11-82FF-42F3-8222-09CCE8829849}" type="slidenum">
              <a:rPr lang="en-FI" smtClean="0"/>
              <a:pPr/>
              <a:t>29</a:t>
            </a:fld>
            <a:endParaRPr lang="en-FI"/>
          </a:p>
        </p:txBody>
      </p:sp>
    </p:spTree>
    <p:extLst>
      <p:ext uri="{BB962C8B-B14F-4D97-AF65-F5344CB8AC3E}">
        <p14:creationId xmlns:p14="http://schemas.microsoft.com/office/powerpoint/2010/main" val="2426515204"/>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4625F83-B1A8-D492-7C47-F6F7378C130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D680B16-25FB-D568-21B0-81D130FF511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2290012-CA89-FF21-6138-F72D2175EA4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C14F7FF0-EC52-DA13-4751-D371A2642617}"/>
              </a:ext>
            </a:extLst>
          </p:cNvPr>
          <p:cNvSpPr>
            <a:spLocks noGrp="1"/>
          </p:cNvSpPr>
          <p:nvPr>
            <p:ph type="sldNum" sz="quarter" idx="5"/>
          </p:nvPr>
        </p:nvSpPr>
        <p:spPr/>
        <p:txBody>
          <a:bodyPr/>
          <a:lstStyle/>
          <a:p>
            <a:fld id="{B5B36F11-82FF-42F3-8222-09CCE8829849}" type="slidenum">
              <a:rPr lang="en-FI" smtClean="0"/>
              <a:pPr/>
              <a:t>30</a:t>
            </a:fld>
            <a:endParaRPr lang="en-FI"/>
          </a:p>
        </p:txBody>
      </p:sp>
    </p:spTree>
    <p:extLst>
      <p:ext uri="{BB962C8B-B14F-4D97-AF65-F5344CB8AC3E}">
        <p14:creationId xmlns:p14="http://schemas.microsoft.com/office/powerpoint/2010/main" val="271364321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938284-E51B-E7E6-3F87-9B1124FC317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8D065CC-CCF4-E6EC-1A77-930A7B13693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8DC6E62-D9A9-B544-8FDA-963DF2F9E950}"/>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839FD79D-BFE8-B159-08BA-868B5DD8351C}"/>
              </a:ext>
            </a:extLst>
          </p:cNvPr>
          <p:cNvSpPr>
            <a:spLocks noGrp="1"/>
          </p:cNvSpPr>
          <p:nvPr>
            <p:ph type="sldNum" sz="quarter" idx="5"/>
          </p:nvPr>
        </p:nvSpPr>
        <p:spPr/>
        <p:txBody>
          <a:bodyPr/>
          <a:lstStyle/>
          <a:p>
            <a:fld id="{B5B36F11-82FF-42F3-8222-09CCE8829849}" type="slidenum">
              <a:rPr lang="en-FI" smtClean="0"/>
              <a:pPr/>
              <a:t>31</a:t>
            </a:fld>
            <a:endParaRPr lang="en-FI"/>
          </a:p>
        </p:txBody>
      </p:sp>
    </p:spTree>
    <p:extLst>
      <p:ext uri="{BB962C8B-B14F-4D97-AF65-F5344CB8AC3E}">
        <p14:creationId xmlns:p14="http://schemas.microsoft.com/office/powerpoint/2010/main" val="241644838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5</a:t>
            </a:fld>
            <a:endParaRPr lang="en-FI"/>
          </a:p>
        </p:txBody>
      </p:sp>
    </p:spTree>
    <p:extLst>
      <p:ext uri="{BB962C8B-B14F-4D97-AF65-F5344CB8AC3E}">
        <p14:creationId xmlns:p14="http://schemas.microsoft.com/office/powerpoint/2010/main" val="3368200775"/>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18502B-48E9-CD95-0604-C3925A75B8B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3818FF1-4AC1-C553-B077-567B8E820C5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ABF4E69-53C4-F5FF-5A20-D58FC6B06122}"/>
              </a:ext>
            </a:extLst>
          </p:cNvPr>
          <p:cNvSpPr>
            <a:spLocks noGrp="1"/>
          </p:cNvSpPr>
          <p:nvPr>
            <p:ph type="body" idx="1"/>
          </p:nvPr>
        </p:nvSpPr>
        <p:spPr/>
        <p:txBody>
          <a:bodyPr/>
          <a:lstStyle/>
          <a:p>
            <a:pPr marL="8390" indent="0">
              <a:buNone/>
            </a:pPr>
            <a:endParaRPr lang="fi-FI"/>
          </a:p>
        </p:txBody>
      </p:sp>
      <p:sp>
        <p:nvSpPr>
          <p:cNvPr id="4" name="Slide Number Placeholder 3">
            <a:extLst>
              <a:ext uri="{FF2B5EF4-FFF2-40B4-BE49-F238E27FC236}">
                <a16:creationId xmlns:a16="http://schemas.microsoft.com/office/drawing/2014/main" id="{27E3CE46-4A8B-F48C-090E-AA2C39C98A6C}"/>
              </a:ext>
            </a:extLst>
          </p:cNvPr>
          <p:cNvSpPr>
            <a:spLocks noGrp="1"/>
          </p:cNvSpPr>
          <p:nvPr>
            <p:ph type="sldNum" sz="quarter" idx="5"/>
          </p:nvPr>
        </p:nvSpPr>
        <p:spPr/>
        <p:txBody>
          <a:bodyPr/>
          <a:lstStyle/>
          <a:p>
            <a:fld id="{B5B36F11-82FF-42F3-8222-09CCE8829849}" type="slidenum">
              <a:rPr lang="en-FI" smtClean="0"/>
              <a:pPr/>
              <a:t>32</a:t>
            </a:fld>
            <a:endParaRPr lang="en-FI"/>
          </a:p>
        </p:txBody>
      </p:sp>
    </p:spTree>
    <p:extLst>
      <p:ext uri="{BB962C8B-B14F-4D97-AF65-F5344CB8AC3E}">
        <p14:creationId xmlns:p14="http://schemas.microsoft.com/office/powerpoint/2010/main" val="296377731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DAE051-3C15-962B-50E1-37B1F816ACB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33045C3-A9B0-8578-B14E-5A23D1B66DD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3E3504F-E8D3-2A4E-7AB6-3FC9E04EEE0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B2BA038F-8866-7DC3-8F7C-82DAD41FC549}"/>
              </a:ext>
            </a:extLst>
          </p:cNvPr>
          <p:cNvSpPr>
            <a:spLocks noGrp="1"/>
          </p:cNvSpPr>
          <p:nvPr>
            <p:ph type="sldNum" sz="quarter" idx="5"/>
          </p:nvPr>
        </p:nvSpPr>
        <p:spPr/>
        <p:txBody>
          <a:bodyPr/>
          <a:lstStyle/>
          <a:p>
            <a:fld id="{B5B36F11-82FF-42F3-8222-09CCE8829849}" type="slidenum">
              <a:rPr lang="en-FI" smtClean="0"/>
              <a:pPr/>
              <a:t>33</a:t>
            </a:fld>
            <a:endParaRPr lang="en-FI"/>
          </a:p>
        </p:txBody>
      </p:sp>
    </p:spTree>
    <p:extLst>
      <p:ext uri="{BB962C8B-B14F-4D97-AF65-F5344CB8AC3E}">
        <p14:creationId xmlns:p14="http://schemas.microsoft.com/office/powerpoint/2010/main" val="3606293345"/>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268DE9-4097-F44E-5527-B06ED53521F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FA42F1A-0874-4BE4-04BC-D3A40EC3B63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58B3376-F9B1-F6C4-180F-6BD215213933}"/>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93DDF11F-A460-0A03-0FC9-EA4B3351FC9B}"/>
              </a:ext>
            </a:extLst>
          </p:cNvPr>
          <p:cNvSpPr>
            <a:spLocks noGrp="1"/>
          </p:cNvSpPr>
          <p:nvPr>
            <p:ph type="sldNum" sz="quarter" idx="5"/>
          </p:nvPr>
        </p:nvSpPr>
        <p:spPr/>
        <p:txBody>
          <a:bodyPr/>
          <a:lstStyle/>
          <a:p>
            <a:fld id="{B5B36F11-82FF-42F3-8222-09CCE8829849}" type="slidenum">
              <a:rPr lang="en-FI" smtClean="0"/>
              <a:pPr/>
              <a:t>34</a:t>
            </a:fld>
            <a:endParaRPr lang="en-FI"/>
          </a:p>
        </p:txBody>
      </p:sp>
    </p:spTree>
    <p:extLst>
      <p:ext uri="{BB962C8B-B14F-4D97-AF65-F5344CB8AC3E}">
        <p14:creationId xmlns:p14="http://schemas.microsoft.com/office/powerpoint/2010/main" val="3943119765"/>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1BA5F2D-E2CD-F312-8EEA-1825F26700D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EB724A8-EAEF-42F0-A4DC-D9C21FBB8E1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8AAB948-65EA-4036-61F2-851F67B2160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5ACBE5E-7294-3C00-EA64-94E327C0F521}"/>
              </a:ext>
            </a:extLst>
          </p:cNvPr>
          <p:cNvSpPr>
            <a:spLocks noGrp="1"/>
          </p:cNvSpPr>
          <p:nvPr>
            <p:ph type="sldNum" sz="quarter" idx="5"/>
          </p:nvPr>
        </p:nvSpPr>
        <p:spPr/>
        <p:txBody>
          <a:bodyPr/>
          <a:lstStyle/>
          <a:p>
            <a:fld id="{B5B36F11-82FF-42F3-8222-09CCE8829849}" type="slidenum">
              <a:rPr lang="en-FI" smtClean="0"/>
              <a:pPr/>
              <a:t>35</a:t>
            </a:fld>
            <a:endParaRPr lang="en-FI"/>
          </a:p>
        </p:txBody>
      </p:sp>
    </p:spTree>
    <p:extLst>
      <p:ext uri="{BB962C8B-B14F-4D97-AF65-F5344CB8AC3E}">
        <p14:creationId xmlns:p14="http://schemas.microsoft.com/office/powerpoint/2010/main" val="498675099"/>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36</a:t>
            </a:fld>
            <a:endParaRPr lang="en-FI"/>
          </a:p>
        </p:txBody>
      </p:sp>
    </p:spTree>
    <p:extLst>
      <p:ext uri="{BB962C8B-B14F-4D97-AF65-F5344CB8AC3E}">
        <p14:creationId xmlns:p14="http://schemas.microsoft.com/office/powerpoint/2010/main" val="1833776634"/>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DBEC86-C1F7-B733-4D44-77B5822A403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335666-5B79-EEB6-B7B4-6BCFF288D9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D7303E5-BB14-A9C9-DB62-5CA4AEA94A5B}"/>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CB919B94-61A2-21A4-45B3-86370520FCB2}"/>
              </a:ext>
            </a:extLst>
          </p:cNvPr>
          <p:cNvSpPr>
            <a:spLocks noGrp="1"/>
          </p:cNvSpPr>
          <p:nvPr>
            <p:ph type="sldNum" sz="quarter" idx="5"/>
          </p:nvPr>
        </p:nvSpPr>
        <p:spPr/>
        <p:txBody>
          <a:bodyPr/>
          <a:lstStyle/>
          <a:p>
            <a:fld id="{B5B36F11-82FF-42F3-8222-09CCE8829849}" type="slidenum">
              <a:rPr lang="en-FI" smtClean="0"/>
              <a:pPr/>
              <a:t>37</a:t>
            </a:fld>
            <a:endParaRPr lang="en-FI"/>
          </a:p>
        </p:txBody>
      </p:sp>
    </p:spTree>
    <p:extLst>
      <p:ext uri="{BB962C8B-B14F-4D97-AF65-F5344CB8AC3E}">
        <p14:creationId xmlns:p14="http://schemas.microsoft.com/office/powerpoint/2010/main" val="4202252410"/>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sz="1900">
              <a:latin typeface="Calibri" panose="020F0502020204030204" pitchFamily="34" charset="0"/>
            </a:endParaRPr>
          </a:p>
        </p:txBody>
      </p:sp>
      <p:sp>
        <p:nvSpPr>
          <p:cNvPr id="4" name="Slide Number Placeholder 3"/>
          <p:cNvSpPr>
            <a:spLocks noGrp="1"/>
          </p:cNvSpPr>
          <p:nvPr>
            <p:ph type="sldNum" sz="quarter" idx="5"/>
          </p:nvPr>
        </p:nvSpPr>
        <p:spPr/>
        <p:txBody>
          <a:bodyPr/>
          <a:lstStyle/>
          <a:p>
            <a:fld id="{B5B36F11-82FF-42F3-8222-09CCE8829849}" type="slidenum">
              <a:rPr lang="en-FI" smtClean="0"/>
              <a:pPr/>
              <a:t>38</a:t>
            </a:fld>
            <a:endParaRPr lang="en-FI"/>
          </a:p>
        </p:txBody>
      </p:sp>
    </p:spTree>
    <p:extLst>
      <p:ext uri="{BB962C8B-B14F-4D97-AF65-F5344CB8AC3E}">
        <p14:creationId xmlns:p14="http://schemas.microsoft.com/office/powerpoint/2010/main" val="481763189"/>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B5F4C5-76F0-EAA3-12DC-66B7E593D74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881C611-8471-2392-8642-FFE4BCF54BC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6A12398-4986-3A23-F50C-3715861BBA60}"/>
              </a:ext>
            </a:extLst>
          </p:cNvPr>
          <p:cNvSpPr>
            <a:spLocks noGrp="1"/>
          </p:cNvSpPr>
          <p:nvPr>
            <p:ph type="body" idx="1"/>
          </p:nvPr>
        </p:nvSpPr>
        <p:spPr/>
        <p:txBody>
          <a:bodyPr/>
          <a:lstStyle/>
          <a:p>
            <a:pPr marL="0" indent="0">
              <a:buNone/>
            </a:pPr>
            <a:endParaRPr lang="fi-FI"/>
          </a:p>
        </p:txBody>
      </p:sp>
      <p:sp>
        <p:nvSpPr>
          <p:cNvPr id="4" name="Slide Number Placeholder 3">
            <a:extLst>
              <a:ext uri="{FF2B5EF4-FFF2-40B4-BE49-F238E27FC236}">
                <a16:creationId xmlns:a16="http://schemas.microsoft.com/office/drawing/2014/main" id="{3C9FA06B-6FF3-E87C-BE25-4601E96E436E}"/>
              </a:ext>
            </a:extLst>
          </p:cNvPr>
          <p:cNvSpPr>
            <a:spLocks noGrp="1"/>
          </p:cNvSpPr>
          <p:nvPr>
            <p:ph type="sldNum" sz="quarter" idx="5"/>
          </p:nvPr>
        </p:nvSpPr>
        <p:spPr/>
        <p:txBody>
          <a:bodyPr/>
          <a:lstStyle/>
          <a:p>
            <a:fld id="{B5B36F11-82FF-42F3-8222-09CCE8829849}" type="slidenum">
              <a:rPr lang="en-FI" smtClean="0"/>
              <a:pPr/>
              <a:t>39</a:t>
            </a:fld>
            <a:endParaRPr lang="en-FI"/>
          </a:p>
        </p:txBody>
      </p:sp>
    </p:spTree>
    <p:extLst>
      <p:ext uri="{BB962C8B-B14F-4D97-AF65-F5344CB8AC3E}">
        <p14:creationId xmlns:p14="http://schemas.microsoft.com/office/powerpoint/2010/main" val="1247457823"/>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56D8FF-00ED-C1B3-DE38-2D4AF59C04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56F2CD-26D1-3F10-AE8B-A406D67E83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E2CD6AF-A5E0-871C-C5F1-D52844015B8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AA7624F-5970-87DD-7D46-065D2FCC22A9}"/>
              </a:ext>
            </a:extLst>
          </p:cNvPr>
          <p:cNvSpPr>
            <a:spLocks noGrp="1"/>
          </p:cNvSpPr>
          <p:nvPr>
            <p:ph type="sldNum" sz="quarter" idx="5"/>
          </p:nvPr>
        </p:nvSpPr>
        <p:spPr/>
        <p:txBody>
          <a:bodyPr/>
          <a:lstStyle/>
          <a:p>
            <a:fld id="{B5B36F11-82FF-42F3-8222-09CCE8829849}" type="slidenum">
              <a:rPr lang="en-FI" smtClean="0"/>
              <a:pPr/>
              <a:t>40</a:t>
            </a:fld>
            <a:endParaRPr lang="en-FI"/>
          </a:p>
        </p:txBody>
      </p:sp>
    </p:spTree>
    <p:extLst>
      <p:ext uri="{BB962C8B-B14F-4D97-AF65-F5344CB8AC3E}">
        <p14:creationId xmlns:p14="http://schemas.microsoft.com/office/powerpoint/2010/main" val="283094935"/>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5B5B9E0-6FB3-34FE-F5CC-7E7CC1BCDA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3B726CB-3C45-3745-A952-3806A2AA6DF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CC69B1D-2C0D-1E52-619C-A3D1A9A1667B}"/>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0097DDE5-5AF1-9BD6-8E92-E7C35F6476E8}"/>
              </a:ext>
            </a:extLst>
          </p:cNvPr>
          <p:cNvSpPr>
            <a:spLocks noGrp="1"/>
          </p:cNvSpPr>
          <p:nvPr>
            <p:ph type="sldNum" sz="quarter" idx="5"/>
          </p:nvPr>
        </p:nvSpPr>
        <p:spPr/>
        <p:txBody>
          <a:bodyPr/>
          <a:lstStyle/>
          <a:p>
            <a:fld id="{B5B36F11-82FF-42F3-8222-09CCE8829849}" type="slidenum">
              <a:rPr lang="en-FI" smtClean="0"/>
              <a:pPr/>
              <a:t>41</a:t>
            </a:fld>
            <a:endParaRPr lang="en-FI"/>
          </a:p>
        </p:txBody>
      </p:sp>
    </p:spTree>
    <p:extLst>
      <p:ext uri="{BB962C8B-B14F-4D97-AF65-F5344CB8AC3E}">
        <p14:creationId xmlns:p14="http://schemas.microsoft.com/office/powerpoint/2010/main" val="40137057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7937"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6</a:t>
            </a:fld>
            <a:endParaRPr lang="en-FI"/>
          </a:p>
        </p:txBody>
      </p:sp>
    </p:spTree>
    <p:extLst>
      <p:ext uri="{BB962C8B-B14F-4D97-AF65-F5344CB8AC3E}">
        <p14:creationId xmlns:p14="http://schemas.microsoft.com/office/powerpoint/2010/main" val="2220010183"/>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34644-768A-8418-3A89-BE30C294B82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FAFA14B-ABBF-F4DA-9E40-05A8321910F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E7A704D-730A-A58A-3BD0-A9454358E8A0}"/>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48496765-6A46-E16E-3D9B-E957B326759A}"/>
              </a:ext>
            </a:extLst>
          </p:cNvPr>
          <p:cNvSpPr>
            <a:spLocks noGrp="1"/>
          </p:cNvSpPr>
          <p:nvPr>
            <p:ph type="sldNum" sz="quarter" idx="5"/>
          </p:nvPr>
        </p:nvSpPr>
        <p:spPr/>
        <p:txBody>
          <a:bodyPr/>
          <a:lstStyle/>
          <a:p>
            <a:fld id="{B5B36F11-82FF-42F3-8222-09CCE8829849}" type="slidenum">
              <a:rPr lang="en-FI" smtClean="0"/>
              <a:pPr/>
              <a:t>43</a:t>
            </a:fld>
            <a:endParaRPr lang="en-FI"/>
          </a:p>
        </p:txBody>
      </p:sp>
    </p:spTree>
    <p:extLst>
      <p:ext uri="{BB962C8B-B14F-4D97-AF65-F5344CB8AC3E}">
        <p14:creationId xmlns:p14="http://schemas.microsoft.com/office/powerpoint/2010/main" val="3207736956"/>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C3D7F0-519A-002A-7E31-F4D84049FA8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D7C08A7-E215-31D5-DDD8-FD53796DA8A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B4F22E0-4D51-D30D-95DD-3982A22A0624}"/>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3EC615A7-1598-4874-D85F-032CAFF8CB9D}"/>
              </a:ext>
            </a:extLst>
          </p:cNvPr>
          <p:cNvSpPr>
            <a:spLocks noGrp="1"/>
          </p:cNvSpPr>
          <p:nvPr>
            <p:ph type="sldNum" sz="quarter" idx="5"/>
          </p:nvPr>
        </p:nvSpPr>
        <p:spPr/>
        <p:txBody>
          <a:bodyPr/>
          <a:lstStyle/>
          <a:p>
            <a:fld id="{B5B36F11-82FF-42F3-8222-09CCE8829849}" type="slidenum">
              <a:rPr lang="en-FI" smtClean="0"/>
              <a:pPr/>
              <a:t>44</a:t>
            </a:fld>
            <a:endParaRPr lang="en-FI"/>
          </a:p>
        </p:txBody>
      </p:sp>
    </p:spTree>
    <p:extLst>
      <p:ext uri="{BB962C8B-B14F-4D97-AF65-F5344CB8AC3E}">
        <p14:creationId xmlns:p14="http://schemas.microsoft.com/office/powerpoint/2010/main" val="2152291145"/>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45</a:t>
            </a:fld>
            <a:endParaRPr lang="en-FI"/>
          </a:p>
        </p:txBody>
      </p:sp>
    </p:spTree>
    <p:extLst>
      <p:ext uri="{BB962C8B-B14F-4D97-AF65-F5344CB8AC3E}">
        <p14:creationId xmlns:p14="http://schemas.microsoft.com/office/powerpoint/2010/main" val="2104658632"/>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46</a:t>
            </a:fld>
            <a:endParaRPr lang="en-FI"/>
          </a:p>
        </p:txBody>
      </p:sp>
    </p:spTree>
    <p:extLst>
      <p:ext uri="{BB962C8B-B14F-4D97-AF65-F5344CB8AC3E}">
        <p14:creationId xmlns:p14="http://schemas.microsoft.com/office/powerpoint/2010/main" val="793707794"/>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47</a:t>
            </a:fld>
            <a:endParaRPr lang="en-FI"/>
          </a:p>
        </p:txBody>
      </p:sp>
    </p:spTree>
    <p:extLst>
      <p:ext uri="{BB962C8B-B14F-4D97-AF65-F5344CB8AC3E}">
        <p14:creationId xmlns:p14="http://schemas.microsoft.com/office/powerpoint/2010/main" val="226254400"/>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defTabSz="966612">
              <a:buNone/>
              <a:defRPr/>
            </a:pPr>
            <a:endParaRPr lang="fi-FI" sz="1300"/>
          </a:p>
        </p:txBody>
      </p:sp>
      <p:sp>
        <p:nvSpPr>
          <p:cNvPr id="4" name="Slide Number Placeholder 3"/>
          <p:cNvSpPr>
            <a:spLocks noGrp="1"/>
          </p:cNvSpPr>
          <p:nvPr>
            <p:ph type="sldNum" sz="quarter" idx="5"/>
          </p:nvPr>
        </p:nvSpPr>
        <p:spPr/>
        <p:txBody>
          <a:bodyPr/>
          <a:lstStyle/>
          <a:p>
            <a:fld id="{B5B36F11-82FF-42F3-8222-09CCE8829849}" type="slidenum">
              <a:rPr lang="en-FI" smtClean="0"/>
              <a:pPr/>
              <a:t>48</a:t>
            </a:fld>
            <a:endParaRPr lang="en-FI"/>
          </a:p>
        </p:txBody>
      </p:sp>
    </p:spTree>
    <p:extLst>
      <p:ext uri="{BB962C8B-B14F-4D97-AF65-F5344CB8AC3E}">
        <p14:creationId xmlns:p14="http://schemas.microsoft.com/office/powerpoint/2010/main" val="4213471366"/>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C8BD84-4B60-A839-CB48-B6D6D6E5041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C310986-8E76-9C63-4214-0C23573335C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DC45CC-0E65-47F5-928F-E36075C61A5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3D53B0E2-DC13-F82D-6E9F-696515E30737}"/>
              </a:ext>
            </a:extLst>
          </p:cNvPr>
          <p:cNvSpPr>
            <a:spLocks noGrp="1"/>
          </p:cNvSpPr>
          <p:nvPr>
            <p:ph type="sldNum" sz="quarter" idx="5"/>
          </p:nvPr>
        </p:nvSpPr>
        <p:spPr/>
        <p:txBody>
          <a:bodyPr/>
          <a:lstStyle/>
          <a:p>
            <a:fld id="{B5B36F11-82FF-42F3-8222-09CCE8829849}" type="slidenum">
              <a:rPr lang="en-FI" smtClean="0"/>
              <a:pPr/>
              <a:t>50</a:t>
            </a:fld>
            <a:endParaRPr lang="en-FI"/>
          </a:p>
        </p:txBody>
      </p:sp>
    </p:spTree>
    <p:extLst>
      <p:ext uri="{BB962C8B-B14F-4D97-AF65-F5344CB8AC3E}">
        <p14:creationId xmlns:p14="http://schemas.microsoft.com/office/powerpoint/2010/main" val="1667175943"/>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E22881-84DC-8FBF-48E5-00B18BF272F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F01B8E0-03D6-8C92-5FB7-3648314A563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ED35077-1D78-1EE3-F8E9-28FB9DE6C98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7DEE14CB-306C-63D7-90DE-DE8877BF1F2A}"/>
              </a:ext>
            </a:extLst>
          </p:cNvPr>
          <p:cNvSpPr>
            <a:spLocks noGrp="1"/>
          </p:cNvSpPr>
          <p:nvPr>
            <p:ph type="sldNum" sz="quarter" idx="5"/>
          </p:nvPr>
        </p:nvSpPr>
        <p:spPr/>
        <p:txBody>
          <a:bodyPr/>
          <a:lstStyle/>
          <a:p>
            <a:fld id="{B5B36F11-82FF-42F3-8222-09CCE8829849}" type="slidenum">
              <a:rPr lang="en-FI" smtClean="0"/>
              <a:pPr/>
              <a:t>51</a:t>
            </a:fld>
            <a:endParaRPr lang="en-FI"/>
          </a:p>
        </p:txBody>
      </p:sp>
    </p:spTree>
    <p:extLst>
      <p:ext uri="{BB962C8B-B14F-4D97-AF65-F5344CB8AC3E}">
        <p14:creationId xmlns:p14="http://schemas.microsoft.com/office/powerpoint/2010/main" val="517514199"/>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8170C8-2283-9000-792D-440A1E660B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0C32B1A-34C0-2F15-CB01-3589063CC16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94B0CCA-13E7-A335-E8C0-99C24022A84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0C164CE-3D8C-605F-C34F-1788D3824968}"/>
              </a:ext>
            </a:extLst>
          </p:cNvPr>
          <p:cNvSpPr>
            <a:spLocks noGrp="1"/>
          </p:cNvSpPr>
          <p:nvPr>
            <p:ph type="sldNum" sz="quarter" idx="5"/>
          </p:nvPr>
        </p:nvSpPr>
        <p:spPr/>
        <p:txBody>
          <a:bodyPr/>
          <a:lstStyle/>
          <a:p>
            <a:fld id="{B5B36F11-82FF-42F3-8222-09CCE8829849}" type="slidenum">
              <a:rPr lang="en-FI" smtClean="0"/>
              <a:pPr/>
              <a:t>52</a:t>
            </a:fld>
            <a:endParaRPr lang="en-FI"/>
          </a:p>
        </p:txBody>
      </p:sp>
    </p:spTree>
    <p:extLst>
      <p:ext uri="{BB962C8B-B14F-4D97-AF65-F5344CB8AC3E}">
        <p14:creationId xmlns:p14="http://schemas.microsoft.com/office/powerpoint/2010/main" val="3598733217"/>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73FF6D-7E14-79AE-9B33-2799FC32E53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450C746-711A-3F4C-2B83-B7D0C37996C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63D1A59-AD9A-E418-CC16-8BD0A82CB3FF}"/>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C23DC28-49AD-C0EC-0EB0-0C7ED5295784}"/>
              </a:ext>
            </a:extLst>
          </p:cNvPr>
          <p:cNvSpPr>
            <a:spLocks noGrp="1"/>
          </p:cNvSpPr>
          <p:nvPr>
            <p:ph type="sldNum" sz="quarter" idx="5"/>
          </p:nvPr>
        </p:nvSpPr>
        <p:spPr/>
        <p:txBody>
          <a:bodyPr/>
          <a:lstStyle/>
          <a:p>
            <a:fld id="{B5B36F11-82FF-42F3-8222-09CCE8829849}" type="slidenum">
              <a:rPr lang="en-FI" smtClean="0"/>
              <a:pPr/>
              <a:t>53</a:t>
            </a:fld>
            <a:endParaRPr lang="en-FI"/>
          </a:p>
        </p:txBody>
      </p:sp>
    </p:spTree>
    <p:extLst>
      <p:ext uri="{BB962C8B-B14F-4D97-AF65-F5344CB8AC3E}">
        <p14:creationId xmlns:p14="http://schemas.microsoft.com/office/powerpoint/2010/main" val="344731794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9ACA89-9EB2-AF3B-739A-9AC857776D4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DB48916-3EAF-2EF6-E0CC-80CA5EAD9F9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176232-BD0B-1AD1-D737-DD74D28E8361}"/>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B880D03-816D-C273-9ED8-D490940BEB5F}"/>
              </a:ext>
            </a:extLst>
          </p:cNvPr>
          <p:cNvSpPr>
            <a:spLocks noGrp="1"/>
          </p:cNvSpPr>
          <p:nvPr>
            <p:ph type="sldNum" sz="quarter" idx="5"/>
          </p:nvPr>
        </p:nvSpPr>
        <p:spPr/>
        <p:txBody>
          <a:bodyPr/>
          <a:lstStyle/>
          <a:p>
            <a:fld id="{B5B36F11-82FF-42F3-8222-09CCE8829849}" type="slidenum">
              <a:rPr lang="en-FI" smtClean="0"/>
              <a:pPr/>
              <a:t>7</a:t>
            </a:fld>
            <a:endParaRPr lang="en-FI"/>
          </a:p>
        </p:txBody>
      </p:sp>
    </p:spTree>
    <p:extLst>
      <p:ext uri="{BB962C8B-B14F-4D97-AF65-F5344CB8AC3E}">
        <p14:creationId xmlns:p14="http://schemas.microsoft.com/office/powerpoint/2010/main" val="2510331579"/>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1CCF68-9C9F-3864-DAFC-65FE8487B8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EF73CDD-59B8-7EDF-A94E-C08EA6D8B12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8922A85-B9AA-6531-7CBC-57A26D234A54}"/>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49867A15-D1B3-0001-73CA-D6886C51CABA}"/>
              </a:ext>
            </a:extLst>
          </p:cNvPr>
          <p:cNvSpPr>
            <a:spLocks noGrp="1"/>
          </p:cNvSpPr>
          <p:nvPr>
            <p:ph type="sldNum" sz="quarter" idx="5"/>
          </p:nvPr>
        </p:nvSpPr>
        <p:spPr/>
        <p:txBody>
          <a:bodyPr/>
          <a:lstStyle/>
          <a:p>
            <a:fld id="{B5B36F11-82FF-42F3-8222-09CCE8829849}" type="slidenum">
              <a:rPr lang="en-FI" smtClean="0"/>
              <a:pPr/>
              <a:t>54</a:t>
            </a:fld>
            <a:endParaRPr lang="en-FI"/>
          </a:p>
        </p:txBody>
      </p:sp>
    </p:spTree>
    <p:extLst>
      <p:ext uri="{BB962C8B-B14F-4D97-AF65-F5344CB8AC3E}">
        <p14:creationId xmlns:p14="http://schemas.microsoft.com/office/powerpoint/2010/main" val="135975051"/>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7261DB-CDF2-E598-ECCE-B44193A1351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F33D7B6-746E-39AA-8DF6-E3B3E28D98D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E086B89-2ADF-C807-7B45-E4215D093CF3}"/>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983FAD5E-53D6-FFEC-7250-E227166C9742}"/>
              </a:ext>
            </a:extLst>
          </p:cNvPr>
          <p:cNvSpPr>
            <a:spLocks noGrp="1"/>
          </p:cNvSpPr>
          <p:nvPr>
            <p:ph type="sldNum" sz="quarter" idx="5"/>
          </p:nvPr>
        </p:nvSpPr>
        <p:spPr/>
        <p:txBody>
          <a:bodyPr/>
          <a:lstStyle/>
          <a:p>
            <a:fld id="{B5B36F11-82FF-42F3-8222-09CCE8829849}" type="slidenum">
              <a:rPr lang="en-FI" smtClean="0"/>
              <a:pPr/>
              <a:t>55</a:t>
            </a:fld>
            <a:endParaRPr lang="en-FI"/>
          </a:p>
        </p:txBody>
      </p:sp>
    </p:spTree>
    <p:extLst>
      <p:ext uri="{BB962C8B-B14F-4D97-AF65-F5344CB8AC3E}">
        <p14:creationId xmlns:p14="http://schemas.microsoft.com/office/powerpoint/2010/main" val="831717116"/>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3CC107-B061-00D1-0197-65413C7148C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50DD1E8-5DD9-90CA-7AF8-02436770B8A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47F7743-1708-E6D3-1A88-6A5DD0106FA4}"/>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EF7B2EA3-A128-FC1D-12D9-C0D99FCF1EB5}"/>
              </a:ext>
            </a:extLst>
          </p:cNvPr>
          <p:cNvSpPr>
            <a:spLocks noGrp="1"/>
          </p:cNvSpPr>
          <p:nvPr>
            <p:ph type="sldNum" sz="quarter" idx="5"/>
          </p:nvPr>
        </p:nvSpPr>
        <p:spPr/>
        <p:txBody>
          <a:bodyPr/>
          <a:lstStyle/>
          <a:p>
            <a:fld id="{B5B36F11-82FF-42F3-8222-09CCE8829849}" type="slidenum">
              <a:rPr lang="en-FI" smtClean="0"/>
              <a:pPr/>
              <a:t>56</a:t>
            </a:fld>
            <a:endParaRPr lang="en-FI"/>
          </a:p>
        </p:txBody>
      </p:sp>
    </p:spTree>
    <p:extLst>
      <p:ext uri="{BB962C8B-B14F-4D97-AF65-F5344CB8AC3E}">
        <p14:creationId xmlns:p14="http://schemas.microsoft.com/office/powerpoint/2010/main" val="2856555569"/>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A878DB5-F230-D926-4005-BAB089C4B2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4269B-0A76-7CAC-E1F9-15A4AF5F10D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8814B0F-140F-D464-A055-F16F1F7D53CC}"/>
              </a:ext>
            </a:extLst>
          </p:cNvPr>
          <p:cNvSpPr>
            <a:spLocks noGrp="1"/>
          </p:cNvSpPr>
          <p:nvPr>
            <p:ph type="body" idx="1"/>
          </p:nvPr>
        </p:nvSpPr>
        <p:spPr/>
        <p:txBody>
          <a:bodyPr/>
          <a:lstStyle/>
          <a:p>
            <a:pPr marL="0" indent="0" defTabSz="966612">
              <a:buNone/>
              <a:defRPr/>
            </a:pPr>
            <a:endParaRPr lang="fi-FI" sz="1300"/>
          </a:p>
        </p:txBody>
      </p:sp>
      <p:sp>
        <p:nvSpPr>
          <p:cNvPr id="4" name="Slide Number Placeholder 3">
            <a:extLst>
              <a:ext uri="{FF2B5EF4-FFF2-40B4-BE49-F238E27FC236}">
                <a16:creationId xmlns:a16="http://schemas.microsoft.com/office/drawing/2014/main" id="{7FF84666-C1FD-9DD2-EA61-8C383C57BBCF}"/>
              </a:ext>
            </a:extLst>
          </p:cNvPr>
          <p:cNvSpPr>
            <a:spLocks noGrp="1"/>
          </p:cNvSpPr>
          <p:nvPr>
            <p:ph type="sldNum" sz="quarter" idx="5"/>
          </p:nvPr>
        </p:nvSpPr>
        <p:spPr/>
        <p:txBody>
          <a:bodyPr/>
          <a:lstStyle/>
          <a:p>
            <a:fld id="{B5B36F11-82FF-42F3-8222-09CCE8829849}" type="slidenum">
              <a:rPr lang="en-FI" smtClean="0"/>
              <a:pPr/>
              <a:t>57</a:t>
            </a:fld>
            <a:endParaRPr lang="en-FI"/>
          </a:p>
        </p:txBody>
      </p:sp>
    </p:spTree>
    <p:extLst>
      <p:ext uri="{BB962C8B-B14F-4D97-AF65-F5344CB8AC3E}">
        <p14:creationId xmlns:p14="http://schemas.microsoft.com/office/powerpoint/2010/main" val="638830129"/>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59</a:t>
            </a:fld>
            <a:endParaRPr lang="en-FI"/>
          </a:p>
        </p:txBody>
      </p:sp>
    </p:spTree>
    <p:extLst>
      <p:ext uri="{BB962C8B-B14F-4D97-AF65-F5344CB8AC3E}">
        <p14:creationId xmlns:p14="http://schemas.microsoft.com/office/powerpoint/2010/main" val="3084825524"/>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FI"/>
          </a:p>
        </p:txBody>
      </p:sp>
      <p:sp>
        <p:nvSpPr>
          <p:cNvPr id="4" name="Slide Number Placeholder 3"/>
          <p:cNvSpPr>
            <a:spLocks noGrp="1"/>
          </p:cNvSpPr>
          <p:nvPr>
            <p:ph type="sldNum" sz="quarter" idx="5"/>
          </p:nvPr>
        </p:nvSpPr>
        <p:spPr/>
        <p:txBody>
          <a:bodyPr/>
          <a:lstStyle/>
          <a:p>
            <a:fld id="{B5B36F11-82FF-42F3-8222-09CCE8829849}" type="slidenum">
              <a:rPr lang="en-FI" smtClean="0"/>
              <a:pPr/>
              <a:t>62</a:t>
            </a:fld>
            <a:endParaRPr lang="en-FI"/>
          </a:p>
        </p:txBody>
      </p:sp>
    </p:spTree>
    <p:extLst>
      <p:ext uri="{BB962C8B-B14F-4D97-AF65-F5344CB8AC3E}">
        <p14:creationId xmlns:p14="http://schemas.microsoft.com/office/powerpoint/2010/main" val="241937304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8</a:t>
            </a:fld>
            <a:endParaRPr lang="en-FI"/>
          </a:p>
        </p:txBody>
      </p:sp>
    </p:spTree>
    <p:extLst>
      <p:ext uri="{BB962C8B-B14F-4D97-AF65-F5344CB8AC3E}">
        <p14:creationId xmlns:p14="http://schemas.microsoft.com/office/powerpoint/2010/main" val="43589974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59D5EA-DE7B-573A-F711-87F2A0E8C4F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5E4DD1F-8225-61C0-DF6A-86427894FA7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FB18C0B-C46D-62F0-F3EA-2791A46C0B4F}"/>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C3C48351-1D35-EE2F-0F2E-9042772CC05E}"/>
              </a:ext>
            </a:extLst>
          </p:cNvPr>
          <p:cNvSpPr>
            <a:spLocks noGrp="1"/>
          </p:cNvSpPr>
          <p:nvPr>
            <p:ph type="sldNum" sz="quarter" idx="5"/>
          </p:nvPr>
        </p:nvSpPr>
        <p:spPr/>
        <p:txBody>
          <a:bodyPr/>
          <a:lstStyle/>
          <a:p>
            <a:fld id="{B5B36F11-82FF-42F3-8222-09CCE8829849}" type="slidenum">
              <a:rPr lang="en-FI" smtClean="0"/>
              <a:pPr/>
              <a:t>9</a:t>
            </a:fld>
            <a:endParaRPr lang="en-FI"/>
          </a:p>
        </p:txBody>
      </p:sp>
    </p:spTree>
    <p:extLst>
      <p:ext uri="{BB962C8B-B14F-4D97-AF65-F5344CB8AC3E}">
        <p14:creationId xmlns:p14="http://schemas.microsoft.com/office/powerpoint/2010/main" val="410136086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a:endParaRPr lang="en-US" sz="1900">
              <a:solidFill>
                <a:srgbClr val="000000"/>
              </a:solidFill>
              <a:latin typeface="Segoe UI Web (West European)"/>
            </a:endParaRPr>
          </a:p>
        </p:txBody>
      </p:sp>
      <p:sp>
        <p:nvSpPr>
          <p:cNvPr id="4" name="Slide Number Placeholder 3"/>
          <p:cNvSpPr>
            <a:spLocks noGrp="1"/>
          </p:cNvSpPr>
          <p:nvPr>
            <p:ph type="sldNum" sz="quarter" idx="5"/>
          </p:nvPr>
        </p:nvSpPr>
        <p:spPr/>
        <p:txBody>
          <a:bodyPr/>
          <a:lstStyle/>
          <a:p>
            <a:fld id="{B5B36F11-82FF-42F3-8222-09CCE8829849}" type="slidenum">
              <a:rPr lang="en-FI" smtClean="0"/>
              <a:pPr/>
              <a:t>10</a:t>
            </a:fld>
            <a:endParaRPr lang="en-FI"/>
          </a:p>
        </p:txBody>
      </p:sp>
    </p:spTree>
    <p:extLst>
      <p:ext uri="{BB962C8B-B14F-4D97-AF65-F5344CB8AC3E}">
        <p14:creationId xmlns:p14="http://schemas.microsoft.com/office/powerpoint/2010/main" val="220346736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89C7CF-155D-54C0-86E3-5C189A6CA1E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96203AC-3A96-67D6-FB6D-48D284F9F08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417E17-D296-9039-9E8C-E24C7A03687D}"/>
              </a:ext>
            </a:extLst>
          </p:cNvPr>
          <p:cNvSpPr>
            <a:spLocks noGrp="1"/>
          </p:cNvSpPr>
          <p:nvPr>
            <p:ph type="body" idx="1"/>
          </p:nvPr>
        </p:nvSpPr>
        <p:spPr/>
        <p:txBody>
          <a:bodyPr/>
          <a:lstStyle/>
          <a:p>
            <a:pPr marL="181240" indent="-181240" defTabSz="966612">
              <a:defRPr/>
            </a:pPr>
            <a:endParaRPr lang="en-US" b="0"/>
          </a:p>
        </p:txBody>
      </p:sp>
      <p:sp>
        <p:nvSpPr>
          <p:cNvPr id="4" name="Slide Number Placeholder 3">
            <a:extLst>
              <a:ext uri="{FF2B5EF4-FFF2-40B4-BE49-F238E27FC236}">
                <a16:creationId xmlns:a16="http://schemas.microsoft.com/office/drawing/2014/main" id="{353E4ECC-4DDD-A0B4-85CF-EAEE14C50176}"/>
              </a:ext>
            </a:extLst>
          </p:cNvPr>
          <p:cNvSpPr>
            <a:spLocks noGrp="1"/>
          </p:cNvSpPr>
          <p:nvPr>
            <p:ph type="sldNum" sz="quarter" idx="5"/>
          </p:nvPr>
        </p:nvSpPr>
        <p:spPr/>
        <p:txBody>
          <a:bodyPr/>
          <a:lstStyle/>
          <a:p>
            <a:fld id="{B5B36F11-82FF-42F3-8222-09CCE8829849}" type="slidenum">
              <a:rPr lang="en-FI" smtClean="0"/>
              <a:pPr/>
              <a:t>11</a:t>
            </a:fld>
            <a:endParaRPr lang="en-FI"/>
          </a:p>
        </p:txBody>
      </p:sp>
    </p:spTree>
    <p:extLst>
      <p:ext uri="{BB962C8B-B14F-4D97-AF65-F5344CB8AC3E}">
        <p14:creationId xmlns:p14="http://schemas.microsoft.com/office/powerpoint/2010/main" val="367306915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8.svg"/><Relationship Id="rId2" Type="http://schemas.openxmlformats.org/officeDocument/2006/relationships/image" Target="../media/image17.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0.svg"/><Relationship Id="rId7" Type="http://schemas.openxmlformats.org/officeDocument/2006/relationships/image" Target="../media/image23.svg"/><Relationship Id="rId2" Type="http://schemas.openxmlformats.org/officeDocument/2006/relationships/image" Target="../media/image19.png"/><Relationship Id="rId1" Type="http://schemas.openxmlformats.org/officeDocument/2006/relationships/slideMaster" Target="../slideMasters/slideMaster1.xml"/><Relationship Id="rId6" Type="http://schemas.openxmlformats.org/officeDocument/2006/relationships/image" Target="../media/image11.png"/><Relationship Id="rId5" Type="http://schemas.openxmlformats.org/officeDocument/2006/relationships/image" Target="../media/image22.svg"/><Relationship Id="rId4" Type="http://schemas.openxmlformats.org/officeDocument/2006/relationships/image" Target="../media/image21.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25.svg"/><Relationship Id="rId4" Type="http://schemas.openxmlformats.org/officeDocument/2006/relationships/image" Target="../media/image24.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7" Type="http://schemas.openxmlformats.org/officeDocument/2006/relationships/image" Target="../media/image4.sv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3.png"/><Relationship Id="rId5" Type="http://schemas.openxmlformats.org/officeDocument/2006/relationships/image" Target="../media/image8.svg"/><Relationship Id="rId4" Type="http://schemas.openxmlformats.org/officeDocument/2006/relationships/image" Target="../media/image7.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29.svg"/><Relationship Id="rId2" Type="http://schemas.openxmlformats.org/officeDocument/2006/relationships/image" Target="../media/image28.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35.svg"/><Relationship Id="rId2" Type="http://schemas.openxmlformats.org/officeDocument/2006/relationships/image" Target="../media/image34.png"/><Relationship Id="rId1" Type="http://schemas.openxmlformats.org/officeDocument/2006/relationships/slideMaster" Target="../slideMasters/slideMaster1.xml"/><Relationship Id="rId5" Type="http://schemas.openxmlformats.org/officeDocument/2006/relationships/image" Target="../media/image36.svg"/><Relationship Id="rId4" Type="http://schemas.openxmlformats.org/officeDocument/2006/relationships/image" Target="../media/image24.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38.sv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40.svg"/><Relationship Id="rId2" Type="http://schemas.openxmlformats.org/officeDocument/2006/relationships/image" Target="../media/image39.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31.svg"/><Relationship Id="rId2" Type="http://schemas.openxmlformats.org/officeDocument/2006/relationships/image" Target="../media/image30.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2.svg"/><Relationship Id="rId2" Type="http://schemas.openxmlformats.org/officeDocument/2006/relationships/image" Target="../media/image41.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8.sv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25.svg"/><Relationship Id="rId4" Type="http://schemas.openxmlformats.org/officeDocument/2006/relationships/image" Target="../media/image24.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43.sv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25.svg"/><Relationship Id="rId4" Type="http://schemas.openxmlformats.org/officeDocument/2006/relationships/image" Target="../media/image24.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47.svg"/><Relationship Id="rId2" Type="http://schemas.openxmlformats.org/officeDocument/2006/relationships/image" Target="../media/image46.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9.svg"/><Relationship Id="rId2" Type="http://schemas.openxmlformats.org/officeDocument/2006/relationships/image" Target="../media/image48.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49.svg"/><Relationship Id="rId2" Type="http://schemas.openxmlformats.org/officeDocument/2006/relationships/image" Target="../media/image48.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slide circle only">
    <p:bg>
      <p:bgPr>
        <a:solidFill>
          <a:srgbClr val="0F3D5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30550C3B-19E3-976E-3415-B1FE34918D32}"/>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5291414">
            <a:off x="6309572" y="1129205"/>
            <a:ext cx="4723051" cy="4576249"/>
          </a:xfrm>
          <a:prstGeom prst="rect">
            <a:avLst/>
          </a:prstGeom>
        </p:spPr>
      </p:pic>
      <p:sp>
        <p:nvSpPr>
          <p:cNvPr id="4" name="Title 3">
            <a:extLst>
              <a:ext uri="{FF2B5EF4-FFF2-40B4-BE49-F238E27FC236}">
                <a16:creationId xmlns:a16="http://schemas.microsoft.com/office/drawing/2014/main" id="{A1D08046-063C-41BA-8492-333536A868C6}"/>
              </a:ext>
            </a:extLst>
          </p:cNvPr>
          <p:cNvSpPr>
            <a:spLocks noGrp="1"/>
          </p:cNvSpPr>
          <p:nvPr>
            <p:ph type="title" hasCustomPrompt="1"/>
          </p:nvPr>
        </p:nvSpPr>
        <p:spPr>
          <a:xfrm>
            <a:off x="675005" y="1442147"/>
            <a:ext cx="5796915" cy="3067578"/>
          </a:xfrm>
        </p:spPr>
        <p:txBody>
          <a:bodyPr/>
          <a:lstStyle>
            <a:lvl1pPr>
              <a:defRPr sz="6000" b="0" i="0">
                <a:solidFill>
                  <a:schemeClr val="accent5"/>
                </a:solidFill>
                <a:latin typeface="Messina Modern Book" pitchFamily="2" charset="77"/>
              </a:defRPr>
            </a:lvl1pPr>
          </a:lstStyle>
          <a:p>
            <a:r>
              <a:rPr lang="en-US"/>
              <a:t>Insert presentation title</a:t>
            </a:r>
            <a:endParaRPr lang="en-GB"/>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7" y="4509725"/>
            <a:ext cx="4589518" cy="1000095"/>
          </a:xfrm>
          <a:prstGeom prst="rect">
            <a:avLst/>
          </a:prstGeom>
        </p:spPr>
        <p:txBody>
          <a:bodyPr lIns="0" rIns="0">
            <a:noAutofit/>
          </a:bodyPr>
          <a:lstStyle>
            <a:lvl1pPr marL="0" indent="0" algn="l">
              <a:buNone/>
              <a:defRPr sz="1800" b="0" i="0" spc="-50" baseline="0">
                <a:solidFill>
                  <a:schemeClr val="accent5"/>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D40C1F7C-CA02-D90C-ACFA-79A690467767}"/>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accent4"/>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2760985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after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ingress + 1 column content">
    <p:spTree>
      <p:nvGrpSpPr>
        <p:cNvPr id="1" name=""/>
        <p:cNvGrpSpPr/>
        <p:nvPr/>
      </p:nvGrpSpPr>
      <p:grpSpPr>
        <a:xfrm>
          <a:off x="0" y="0"/>
          <a:ext cx="0" cy="0"/>
          <a:chOff x="0" y="0"/>
          <a:chExt cx="0" cy="0"/>
        </a:xfrm>
      </p:grpSpPr>
      <p:pic>
        <p:nvPicPr>
          <p:cNvPr id="13" name="Graphic 12">
            <a:extLst>
              <a:ext uri="{FF2B5EF4-FFF2-40B4-BE49-F238E27FC236}">
                <a16:creationId xmlns:a16="http://schemas.microsoft.com/office/drawing/2014/main" id="{07070E99-FBAF-BCDD-A053-D606C77FDCA6}"/>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r="22713" b="15955"/>
          <a:stretch/>
        </p:blipFill>
        <p:spPr>
          <a:xfrm rot="5400000">
            <a:off x="231140" y="3664673"/>
            <a:ext cx="2962186" cy="3424469"/>
          </a:xfrm>
          <a:prstGeom prst="rect">
            <a:avLst/>
          </a:prstGeom>
        </p:spPr>
      </p:pic>
      <p:sp>
        <p:nvSpPr>
          <p:cNvPr id="6" name="Title Placeholder 1">
            <a:extLst>
              <a:ext uri="{FF2B5EF4-FFF2-40B4-BE49-F238E27FC236}">
                <a16:creationId xmlns:a16="http://schemas.microsoft.com/office/drawing/2014/main" id="{E28F9BA7-99FD-ED39-B5AA-CF763607F59A}"/>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4295774" y="2276211"/>
            <a:ext cx="6283256" cy="3991822"/>
          </a:xfrm>
          <a:prstGeom prst="rect">
            <a:avLst/>
          </a:prstGeom>
        </p:spPr>
        <p:txBody>
          <a:bodyPr lIns="0" tIns="0" rIns="0" bIns="0"/>
          <a:lstStyle>
            <a:lvl1pPr>
              <a:buClr>
                <a:srgbClr val="F7673B"/>
              </a:buClr>
              <a:defRPr b="0" i="0" spc="-40" baseline="0">
                <a:solidFill>
                  <a:srgbClr val="0F3D51"/>
                </a:solidFill>
                <a:latin typeface="+mn-lt"/>
              </a:defRPr>
            </a:lvl1pPr>
            <a:lvl2pPr marL="363538" indent="-1778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75661D45-ACB6-051C-0705-585EE13E470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2BB01F6D-EFBB-381C-87AD-50C95CCC95E7}"/>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C280910F-B1B1-792B-486D-816CE2D56691}"/>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11" name="Text Placeholder 3">
            <a:extLst>
              <a:ext uri="{FF2B5EF4-FFF2-40B4-BE49-F238E27FC236}">
                <a16:creationId xmlns:a16="http://schemas.microsoft.com/office/drawing/2014/main" id="{DE8CA77B-637B-52AD-37F0-81D2360AE0A6}"/>
              </a:ext>
            </a:extLst>
          </p:cNvPr>
          <p:cNvSpPr>
            <a:spLocks noGrp="1"/>
          </p:cNvSpPr>
          <p:nvPr>
            <p:ph type="body" sz="quarter" idx="19" hasCustomPrompt="1"/>
          </p:nvPr>
        </p:nvSpPr>
        <p:spPr>
          <a:xfrm>
            <a:off x="695326" y="341037"/>
            <a:ext cx="5521119" cy="266400"/>
          </a:xfrm>
        </p:spPr>
        <p:txBody>
          <a:bodyPr lIns="0" tIns="0" rIns="0" bIns="0" anchor="ctr"/>
          <a:lstStyle>
            <a:lvl1pPr marL="0" indent="0">
              <a:buNone/>
              <a:defRPr lang="en-FI" sz="1000" b="0" i="0" kern="1000" cap="all" spc="50" baseline="0" dirty="0">
                <a:solidFill>
                  <a:schemeClr val="tx2"/>
                </a:solidFill>
                <a:latin typeface="+mn-lt"/>
                <a:ea typeface="+mn-ea"/>
                <a:cs typeface="+mn-cs"/>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marL="0" lvl="0" indent="0" algn="l" defTabSz="914400" rtl="0" eaLnBrk="1" latinLnBrk="0" hangingPunct="1">
              <a:lnSpc>
                <a:spcPct val="100000"/>
              </a:lnSpc>
              <a:spcBef>
                <a:spcPts val="1000"/>
              </a:spcBef>
              <a:buClr>
                <a:schemeClr val="accent1"/>
              </a:buClr>
              <a:buFont typeface="Arial" panose="020B0604020202020204" pitchFamily="34" charset="0"/>
              <a:buNone/>
              <a:tabLst/>
            </a:pPr>
            <a:r>
              <a:rPr lang="en-GB"/>
              <a:t>Click to edit section marker – write with capital letters</a:t>
            </a:r>
            <a:endParaRPr lang="en-FI"/>
          </a:p>
        </p:txBody>
      </p:sp>
      <p:sp>
        <p:nvSpPr>
          <p:cNvPr id="5" name="Text Placeholder 3">
            <a:extLst>
              <a:ext uri="{FF2B5EF4-FFF2-40B4-BE49-F238E27FC236}">
                <a16:creationId xmlns:a16="http://schemas.microsoft.com/office/drawing/2014/main" id="{817EB2F1-16EE-0A49-A576-F53683B694C5}"/>
              </a:ext>
            </a:extLst>
          </p:cNvPr>
          <p:cNvSpPr>
            <a:spLocks noGrp="1"/>
          </p:cNvSpPr>
          <p:nvPr>
            <p:ph type="body" sz="quarter" idx="21" hasCustomPrompt="1"/>
          </p:nvPr>
        </p:nvSpPr>
        <p:spPr>
          <a:xfrm>
            <a:off x="685969" y="2263670"/>
            <a:ext cx="3133477" cy="4004363"/>
          </a:xfrm>
        </p:spPr>
        <p:txBody>
          <a:bodyPr lIns="0" tIns="0" rIns="0" bIns="0" anchor="t"/>
          <a:lstStyle>
            <a:lvl1pPr marL="0" indent="0">
              <a:buNone/>
              <a:defRPr lang="en-FI" sz="2000" b="0" i="0" kern="1000" spc="-30" baseline="0" dirty="0">
                <a:solidFill>
                  <a:schemeClr val="accent2"/>
                </a:solidFill>
                <a:latin typeface="Messina Modern Book" pitchFamily="2" charset="77"/>
                <a:ea typeface="+mn-ea"/>
                <a:cs typeface="+mn-cs"/>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marL="0" lvl="0" indent="0" algn="l" defTabSz="914400" rtl="0" eaLnBrk="1" latinLnBrk="0" hangingPunct="1">
              <a:lnSpc>
                <a:spcPct val="100000"/>
              </a:lnSpc>
              <a:spcBef>
                <a:spcPts val="1000"/>
              </a:spcBef>
              <a:buClr>
                <a:schemeClr val="accent1"/>
              </a:buClr>
              <a:buFont typeface="Arial" panose="020B0604020202020204" pitchFamily="34" charset="0"/>
              <a:buNone/>
              <a:tabLst/>
            </a:pPr>
            <a:r>
              <a:rPr lang="en-GB"/>
              <a:t>Click to edit subheading</a:t>
            </a:r>
            <a:endParaRPr lang="en-FI"/>
          </a:p>
        </p:txBody>
      </p:sp>
    </p:spTree>
    <p:extLst>
      <p:ext uri="{BB962C8B-B14F-4D97-AF65-F5344CB8AC3E}">
        <p14:creationId xmlns:p14="http://schemas.microsoft.com/office/powerpoint/2010/main" val="93946450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ingress + 2 column content">
    <p:spTree>
      <p:nvGrpSpPr>
        <p:cNvPr id="1" name=""/>
        <p:cNvGrpSpPr/>
        <p:nvPr/>
      </p:nvGrpSpPr>
      <p:grpSpPr>
        <a:xfrm>
          <a:off x="0" y="0"/>
          <a:ext cx="0" cy="0"/>
          <a:chOff x="0" y="0"/>
          <a:chExt cx="0" cy="0"/>
        </a:xfrm>
      </p:grpSpPr>
      <p:pic>
        <p:nvPicPr>
          <p:cNvPr id="13" name="Graphic 12">
            <a:extLst>
              <a:ext uri="{FF2B5EF4-FFF2-40B4-BE49-F238E27FC236}">
                <a16:creationId xmlns:a16="http://schemas.microsoft.com/office/drawing/2014/main" id="{07070E99-FBAF-BCDD-A053-D606C77FDCA6}"/>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r="22713" b="15955"/>
          <a:stretch/>
        </p:blipFill>
        <p:spPr>
          <a:xfrm>
            <a:off x="8808720" y="3515359"/>
            <a:ext cx="3392060" cy="3342641"/>
          </a:xfrm>
          <a:prstGeom prst="rect">
            <a:avLst/>
          </a:prstGeom>
        </p:spPr>
      </p:pic>
      <p:sp>
        <p:nvSpPr>
          <p:cNvPr id="11" name="Title Placeholder 1">
            <a:extLst>
              <a:ext uri="{FF2B5EF4-FFF2-40B4-BE49-F238E27FC236}">
                <a16:creationId xmlns:a16="http://schemas.microsoft.com/office/drawing/2014/main" id="{6EA2B3FF-FF38-302C-87B4-755829E47C45}"/>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2" name="Text Placeholder 2">
            <a:extLst>
              <a:ext uri="{FF2B5EF4-FFF2-40B4-BE49-F238E27FC236}">
                <a16:creationId xmlns:a16="http://schemas.microsoft.com/office/drawing/2014/main" id="{E28478F8-3589-EF4B-795A-E906FE65EA58}"/>
              </a:ext>
            </a:extLst>
          </p:cNvPr>
          <p:cNvSpPr>
            <a:spLocks noGrp="1"/>
          </p:cNvSpPr>
          <p:nvPr>
            <p:ph type="body" sz="quarter" idx="11" hasCustomPrompt="1"/>
          </p:nvPr>
        </p:nvSpPr>
        <p:spPr>
          <a:xfrm>
            <a:off x="695326" y="2249473"/>
            <a:ext cx="3148542" cy="4018560"/>
          </a:xfrm>
        </p:spPr>
        <p:txBody>
          <a:bodyPr/>
          <a:lstStyle>
            <a:lvl1pPr marL="0" indent="0">
              <a:lnSpc>
                <a:spcPct val="110000"/>
              </a:lnSpc>
              <a:spcBef>
                <a:spcPts val="0"/>
              </a:spcBef>
              <a:buNone/>
              <a:defRPr sz="2000" b="0" i="0" spc="-20" baseline="0">
                <a:solidFill>
                  <a:schemeClr val="accent2"/>
                </a:solidFill>
                <a:latin typeface="Messina Modern Book" pitchFamily="2" charset="77"/>
              </a:defRPr>
            </a:lvl1pPr>
            <a:lvl2pPr marL="268287" indent="0">
              <a:buNone/>
              <a:defRPr/>
            </a:lvl2pPr>
            <a:lvl3pPr marL="493712" indent="0">
              <a:buNone/>
              <a:defRPr/>
            </a:lvl3pPr>
            <a:lvl4pPr marL="711200" indent="0">
              <a:buNone/>
              <a:defRPr/>
            </a:lvl4pPr>
            <a:lvl5pPr marL="890588" indent="0">
              <a:buNone/>
              <a:defRPr/>
            </a:lvl5pPr>
          </a:lstStyle>
          <a:p>
            <a:pPr lvl="0"/>
            <a:r>
              <a:rPr lang="en-GB"/>
              <a:t>Click to edit subheading  / ingress text</a:t>
            </a:r>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4295774" y="2276211"/>
            <a:ext cx="3488267"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6" name="Content Placeholder 6">
            <a:extLst>
              <a:ext uri="{FF2B5EF4-FFF2-40B4-BE49-F238E27FC236}">
                <a16:creationId xmlns:a16="http://schemas.microsoft.com/office/drawing/2014/main" id="{FF50B712-733C-8F40-0E9D-1556AD3C6F2C}"/>
              </a:ext>
            </a:extLst>
          </p:cNvPr>
          <p:cNvSpPr>
            <a:spLocks noGrp="1"/>
          </p:cNvSpPr>
          <p:nvPr>
            <p:ph sz="quarter" idx="17" hasCustomPrompt="1"/>
          </p:nvPr>
        </p:nvSpPr>
        <p:spPr>
          <a:xfrm>
            <a:off x="8012641" y="2276211"/>
            <a:ext cx="3488267"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75661D45-ACB6-051C-0705-585EE13E470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2BB01F6D-EFBB-381C-87AD-50C95CCC95E7}"/>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E81ED4BD-1A3C-1BC5-129C-E91F4AED9B6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07530021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icture right + Content">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313F8614-ED11-C74C-22B9-52138DA97B1D}"/>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t="15852"/>
          <a:stretch/>
        </p:blipFill>
        <p:spPr>
          <a:xfrm rot="10800000">
            <a:off x="5905627" y="3703759"/>
            <a:ext cx="3981196" cy="3154241"/>
          </a:xfrm>
          <a:prstGeom prst="rect">
            <a:avLst/>
          </a:prstGeom>
        </p:spPr>
      </p:pic>
      <p:sp>
        <p:nvSpPr>
          <p:cNvPr id="6" name="Title Placeholder 1">
            <a:extLst>
              <a:ext uri="{FF2B5EF4-FFF2-40B4-BE49-F238E27FC236}">
                <a16:creationId xmlns:a16="http://schemas.microsoft.com/office/drawing/2014/main" id="{A4E4B56C-B64C-51CC-F889-FDEC18C89B3A}"/>
              </a:ext>
            </a:extLst>
          </p:cNvPr>
          <p:cNvSpPr>
            <a:spLocks noGrp="1"/>
          </p:cNvSpPr>
          <p:nvPr>
            <p:ph type="title" hasCustomPrompt="1"/>
          </p:nvPr>
        </p:nvSpPr>
        <p:spPr>
          <a:xfrm>
            <a:off x="675006" y="620713"/>
            <a:ext cx="6318462"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9" name="Text Placeholder 3">
            <a:extLst>
              <a:ext uri="{FF2B5EF4-FFF2-40B4-BE49-F238E27FC236}">
                <a16:creationId xmlns:a16="http://schemas.microsoft.com/office/drawing/2014/main" id="{C737528C-0DE5-49BE-1B71-F9B63CCAE6A7}"/>
              </a:ext>
            </a:extLst>
          </p:cNvPr>
          <p:cNvSpPr>
            <a:spLocks noGrp="1"/>
          </p:cNvSpPr>
          <p:nvPr>
            <p:ph type="body" sz="quarter" idx="13" hasCustomPrompt="1"/>
          </p:nvPr>
        </p:nvSpPr>
        <p:spPr>
          <a:xfrm>
            <a:off x="695325"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8AF8819F-F4CF-6416-E528-86A2E0C4D34A}"/>
              </a:ext>
            </a:extLst>
          </p:cNvPr>
          <p:cNvSpPr>
            <a:spLocks noGrp="1"/>
          </p:cNvSpPr>
          <p:nvPr>
            <p:ph sz="quarter" idx="17" hasCustomPrompt="1"/>
          </p:nvPr>
        </p:nvSpPr>
        <p:spPr>
          <a:xfrm>
            <a:off x="695325" y="1663416"/>
            <a:ext cx="629814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10" name="Content Placeholder 6">
            <a:extLst>
              <a:ext uri="{FF2B5EF4-FFF2-40B4-BE49-F238E27FC236}">
                <a16:creationId xmlns:a16="http://schemas.microsoft.com/office/drawing/2014/main" id="{A662C298-D13B-44E2-CFB7-4410E08494FB}"/>
              </a:ext>
            </a:extLst>
          </p:cNvPr>
          <p:cNvSpPr>
            <a:spLocks noGrp="1"/>
          </p:cNvSpPr>
          <p:nvPr>
            <p:ph sz="quarter" idx="10"/>
          </p:nvPr>
        </p:nvSpPr>
        <p:spPr>
          <a:xfrm>
            <a:off x="695326" y="2269067"/>
            <a:ext cx="62981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sp>
        <p:nvSpPr>
          <p:cNvPr id="5" name="Picture Placeholder 4">
            <a:extLst>
              <a:ext uri="{FF2B5EF4-FFF2-40B4-BE49-F238E27FC236}">
                <a16:creationId xmlns:a16="http://schemas.microsoft.com/office/drawing/2014/main" id="{9869DB2F-AC10-BD4D-A483-6DB4C419DDA6}"/>
              </a:ext>
            </a:extLst>
          </p:cNvPr>
          <p:cNvSpPr>
            <a:spLocks noGrp="1"/>
          </p:cNvSpPr>
          <p:nvPr>
            <p:ph type="pic" sz="quarter" idx="14" hasCustomPrompt="1"/>
          </p:nvPr>
        </p:nvSpPr>
        <p:spPr>
          <a:xfrm>
            <a:off x="7427494" y="717665"/>
            <a:ext cx="4069179" cy="5534757"/>
          </a:xfrm>
          <a:solidFill>
            <a:schemeClr val="bg2"/>
          </a:solidFill>
        </p:spPr>
        <p:txBody>
          <a:bodyPr anchor="ctr"/>
          <a:lstStyle>
            <a:lvl1pPr marL="0" indent="0" algn="ctr">
              <a:buNone/>
              <a:defRPr/>
            </a:lvl1pPr>
          </a:lstStyle>
          <a:p>
            <a:r>
              <a:rPr lang="en-GB"/>
              <a:t>I</a:t>
            </a:r>
            <a:r>
              <a:rPr lang="en-FI"/>
              <a:t>nsert image</a:t>
            </a:r>
            <a:br>
              <a:rPr lang="en-FI"/>
            </a:br>
            <a:br>
              <a:rPr lang="en-FI"/>
            </a:br>
            <a:endParaRPr lang="en-FI"/>
          </a:p>
        </p:txBody>
      </p:sp>
      <p:sp>
        <p:nvSpPr>
          <p:cNvPr id="2" name="Footer Placeholder 1">
            <a:extLst>
              <a:ext uri="{FF2B5EF4-FFF2-40B4-BE49-F238E27FC236}">
                <a16:creationId xmlns:a16="http://schemas.microsoft.com/office/drawing/2014/main" id="{881CCC51-03FB-D9D6-9911-523911ED1829}"/>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390ED83-799D-87A6-52E0-31B48AB9E995}"/>
              </a:ext>
            </a:extLst>
          </p:cNvPr>
          <p:cNvSpPr>
            <a:spLocks noGrp="1"/>
          </p:cNvSpPr>
          <p:nvPr>
            <p:ph type="sldNum" sz="quarter" idx="16"/>
          </p:nvPr>
        </p:nvSpPr>
        <p:spPr/>
        <p:txBody>
          <a:bodyPr/>
          <a:lstStyle/>
          <a:p>
            <a:fld id="{B64FCF4A-2F3F-4397-9C44-D2344643394B}" type="slidenum">
              <a:rPr lang="fi-FI" smtClean="0"/>
              <a:pPr/>
              <a:t>‹#›</a:t>
            </a:fld>
            <a:endParaRPr lang="fi-FI"/>
          </a:p>
        </p:txBody>
      </p:sp>
      <p:pic>
        <p:nvPicPr>
          <p:cNvPr id="7" name="Graphic 6">
            <a:extLst>
              <a:ext uri="{FF2B5EF4-FFF2-40B4-BE49-F238E27FC236}">
                <a16:creationId xmlns:a16="http://schemas.microsoft.com/office/drawing/2014/main" id="{E5268599-361B-D653-D577-C2740281927B}"/>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8" name="Freeform: Shape 19">
            <a:extLst>
              <a:ext uri="{FF2B5EF4-FFF2-40B4-BE49-F238E27FC236}">
                <a16:creationId xmlns:a16="http://schemas.microsoft.com/office/drawing/2014/main" id="{0433E97D-12B7-254D-C5B0-39B81A4E89D0}"/>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982859061"/>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or ToC">
    <p:bg>
      <p:bgPr>
        <a:solidFill>
          <a:schemeClr val="bg2"/>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313F8614-ED11-C74C-22B9-52138DA97B1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664"/>
          <a:stretch/>
        </p:blipFill>
        <p:spPr>
          <a:xfrm rot="10800000">
            <a:off x="7439586" y="2040876"/>
            <a:ext cx="3679903" cy="3487774"/>
          </a:xfrm>
          <a:prstGeom prst="rect">
            <a:avLst/>
          </a:prstGeom>
        </p:spPr>
      </p:pic>
      <p:sp>
        <p:nvSpPr>
          <p:cNvPr id="4" name="Title Placeholder 1">
            <a:extLst>
              <a:ext uri="{FF2B5EF4-FFF2-40B4-BE49-F238E27FC236}">
                <a16:creationId xmlns:a16="http://schemas.microsoft.com/office/drawing/2014/main" id="{A2B17FB5-D911-880B-B6A9-82F19B9DC1DA}"/>
              </a:ext>
            </a:extLst>
          </p:cNvPr>
          <p:cNvSpPr>
            <a:spLocks noGrp="1"/>
          </p:cNvSpPr>
          <p:nvPr>
            <p:ph type="title" hasCustomPrompt="1"/>
          </p:nvPr>
        </p:nvSpPr>
        <p:spPr>
          <a:xfrm>
            <a:off x="675006" y="620713"/>
            <a:ext cx="7221220"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Content Placeholder 6">
            <a:extLst>
              <a:ext uri="{FF2B5EF4-FFF2-40B4-BE49-F238E27FC236}">
                <a16:creationId xmlns:a16="http://schemas.microsoft.com/office/drawing/2014/main" id="{A662C298-D13B-44E2-CFB7-4410E08494FB}"/>
              </a:ext>
            </a:extLst>
          </p:cNvPr>
          <p:cNvSpPr>
            <a:spLocks noGrp="1"/>
          </p:cNvSpPr>
          <p:nvPr>
            <p:ph sz="quarter" idx="10"/>
          </p:nvPr>
        </p:nvSpPr>
        <p:spPr>
          <a:xfrm>
            <a:off x="695326" y="2290499"/>
            <a:ext cx="4528027" cy="3991822"/>
          </a:xfrm>
          <a:prstGeom prst="rect">
            <a:avLst/>
          </a:prstGeom>
        </p:spPr>
        <p:txBody>
          <a:bodyPr lIns="0" tIns="0" rIns="0" bIns="0"/>
          <a:lstStyle>
            <a:lvl1pPr>
              <a:lnSpc>
                <a:spcPts val="2000"/>
              </a:lnSpc>
              <a:buClr>
                <a:srgbClr val="F7673B"/>
              </a:buClr>
              <a:defRPr b="0" i="0" spc="-40" baseline="0">
                <a:solidFill>
                  <a:schemeClr val="tx1"/>
                </a:solidFill>
                <a:latin typeface="+mn-lt"/>
              </a:defRPr>
            </a:lvl1pPr>
            <a:lvl2pPr marL="312738" indent="-127000">
              <a:lnSpc>
                <a:spcPts val="2000"/>
              </a:lnSpc>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6" name="Content Placeholder 6">
            <a:extLst>
              <a:ext uri="{FF2B5EF4-FFF2-40B4-BE49-F238E27FC236}">
                <a16:creationId xmlns:a16="http://schemas.microsoft.com/office/drawing/2014/main" id="{3A93FC23-9845-6FBC-C67E-3971E09EEF68}"/>
              </a:ext>
            </a:extLst>
          </p:cNvPr>
          <p:cNvSpPr>
            <a:spLocks noGrp="1"/>
          </p:cNvSpPr>
          <p:nvPr>
            <p:ph sz="quarter" idx="18" hasCustomPrompt="1"/>
          </p:nvPr>
        </p:nvSpPr>
        <p:spPr>
          <a:xfrm>
            <a:off x="5336220" y="2290499"/>
            <a:ext cx="1657248" cy="3991822"/>
          </a:xfrm>
          <a:prstGeom prst="rect">
            <a:avLst/>
          </a:prstGeom>
        </p:spPr>
        <p:txBody>
          <a:bodyPr lIns="0" tIns="0" rIns="0" bIns="0"/>
          <a:lstStyle>
            <a:lvl1pPr marL="7937" indent="0">
              <a:lnSpc>
                <a:spcPts val="2000"/>
              </a:lnSpc>
              <a:buClr>
                <a:srgbClr val="F7673B"/>
              </a:buClr>
              <a:buNone/>
              <a:defRPr sz="1200" b="0" i="0" spc="-30" baseline="0">
                <a:solidFill>
                  <a:schemeClr val="tx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Page no./time</a:t>
            </a:r>
          </a:p>
        </p:txBody>
      </p:sp>
      <p:sp>
        <p:nvSpPr>
          <p:cNvPr id="2" name="Footer Placeholder 1">
            <a:extLst>
              <a:ext uri="{FF2B5EF4-FFF2-40B4-BE49-F238E27FC236}">
                <a16:creationId xmlns:a16="http://schemas.microsoft.com/office/drawing/2014/main" id="{881CCC51-03FB-D9D6-9911-523911ED1829}"/>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390ED83-799D-87A6-52E0-31B48AB9E995}"/>
              </a:ext>
            </a:extLst>
          </p:cNvPr>
          <p:cNvSpPr>
            <a:spLocks noGrp="1"/>
          </p:cNvSpPr>
          <p:nvPr>
            <p:ph type="sldNum" sz="quarter" idx="16"/>
          </p:nvPr>
        </p:nvSpPr>
        <p:spPr/>
        <p:txBody>
          <a:bodyPr/>
          <a:lstStyle/>
          <a:p>
            <a:fld id="{B64FCF4A-2F3F-4397-9C44-D2344643394B}" type="slidenum">
              <a:rPr lang="fi-FI" smtClean="0"/>
              <a:pPr/>
              <a:t>‹#›</a:t>
            </a:fld>
            <a:endParaRPr lang="fi-FI"/>
          </a:p>
        </p:txBody>
      </p:sp>
      <p:pic>
        <p:nvPicPr>
          <p:cNvPr id="8" name="Graphic 7">
            <a:extLst>
              <a:ext uri="{FF2B5EF4-FFF2-40B4-BE49-F238E27FC236}">
                <a16:creationId xmlns:a16="http://schemas.microsoft.com/office/drawing/2014/main" id="{ECD61CBC-74AE-80C6-F54A-341688BD28D3}"/>
              </a:ext>
              <a:ext uri="{C183D7F6-B498-43B3-948B-1728B52AA6E4}">
                <adec:decorative xmlns:adec="http://schemas.microsoft.com/office/drawing/2017/decorative" val="1"/>
              </a:ext>
            </a:extLst>
          </p:cNvPr>
          <p:cNvPicPr>
            <a:picLocks noChangeAspect="1"/>
          </p:cNvPicPr>
          <p:nvPr userDrawn="1"/>
        </p:nvPicPr>
        <p:blipFill rotWithShape="1">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rcRect l="15938" t="15415" r="6446" b="15330"/>
          <a:stretch/>
        </p:blipFill>
        <p:spPr>
          <a:xfrm>
            <a:off x="7606625" y="1934781"/>
            <a:ext cx="3679902" cy="3375102"/>
          </a:xfrm>
          <a:prstGeom prst="rect">
            <a:avLst/>
          </a:prstGeom>
        </p:spPr>
      </p:pic>
      <p:pic>
        <p:nvPicPr>
          <p:cNvPr id="5" name="Graphic 4">
            <a:extLst>
              <a:ext uri="{FF2B5EF4-FFF2-40B4-BE49-F238E27FC236}">
                <a16:creationId xmlns:a16="http://schemas.microsoft.com/office/drawing/2014/main" id="{CD5230DF-0284-EE77-FAA3-B4CAF7356D39}"/>
              </a:ext>
              <a:ext uri="{C183D7F6-B498-43B3-948B-1728B52AA6E4}">
                <adec:decorative xmlns:adec="http://schemas.microsoft.com/office/drawing/2017/decorative" val="1"/>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11705606" y="215324"/>
            <a:ext cx="262466" cy="289618"/>
          </a:xfrm>
          <a:prstGeom prst="rect">
            <a:avLst/>
          </a:prstGeom>
        </p:spPr>
      </p:pic>
      <p:sp>
        <p:nvSpPr>
          <p:cNvPr id="7" name="Freeform: Shape 19">
            <a:extLst>
              <a:ext uri="{FF2B5EF4-FFF2-40B4-BE49-F238E27FC236}">
                <a16:creationId xmlns:a16="http://schemas.microsoft.com/office/drawing/2014/main" id="{A9D94CAB-99EA-BB4B-8108-C91358436517}"/>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8145652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ontent + image, dark bg">
    <p:bg>
      <p:bgPr>
        <a:solidFill>
          <a:schemeClr val="tx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0800000">
            <a:off x="9214369" y="4407290"/>
            <a:ext cx="3374284" cy="2971520"/>
          </a:xfrm>
          <a:prstGeom prst="rect">
            <a:avLst/>
          </a:prstGeom>
        </p:spPr>
      </p:pic>
      <p:sp>
        <p:nvSpPr>
          <p:cNvPr id="10" name="Title 3">
            <a:extLst>
              <a:ext uri="{FF2B5EF4-FFF2-40B4-BE49-F238E27FC236}">
                <a16:creationId xmlns:a16="http://schemas.microsoft.com/office/drawing/2014/main" id="{B7CD0981-B3BD-E184-0D78-6AFE2CD00355}"/>
              </a:ext>
            </a:extLst>
          </p:cNvPr>
          <p:cNvSpPr>
            <a:spLocks noGrp="1"/>
          </p:cNvSpPr>
          <p:nvPr>
            <p:ph type="title" hasCustomPrompt="1"/>
          </p:nvPr>
        </p:nvSpPr>
        <p:spPr>
          <a:xfrm>
            <a:off x="675006" y="620713"/>
            <a:ext cx="5185020" cy="1080000"/>
          </a:xfrm>
        </p:spPr>
        <p:txBody>
          <a:bodyPr lIns="0" tIns="0" rIns="0" bIns="0" anchor="ctr"/>
          <a:lstStyle>
            <a:lvl1pPr>
              <a:defRPr b="1" i="0" spc="-100" baseline="0">
                <a:solidFill>
                  <a:schemeClr val="bg1"/>
                </a:solidFill>
                <a:latin typeface="+mj-lt"/>
              </a:defRPr>
            </a:lvl1pPr>
          </a:lstStyle>
          <a:p>
            <a:r>
              <a:rPr lang="en-US" noProof="0"/>
              <a:t>Click to insert Headline</a:t>
            </a:r>
            <a:endParaRPr lang="en-GB"/>
          </a:p>
        </p:txBody>
      </p:sp>
      <p:sp>
        <p:nvSpPr>
          <p:cNvPr id="5" name="Text Placeholder 3">
            <a:extLst>
              <a:ext uri="{FF2B5EF4-FFF2-40B4-BE49-F238E27FC236}">
                <a16:creationId xmlns:a16="http://schemas.microsoft.com/office/drawing/2014/main" id="{044E3783-91E9-E859-3F8B-F67897A2D29D}"/>
              </a:ext>
            </a:extLst>
          </p:cNvPr>
          <p:cNvSpPr>
            <a:spLocks noGrp="1"/>
          </p:cNvSpPr>
          <p:nvPr>
            <p:ph type="body" sz="quarter" idx="13" hasCustomPrompt="1"/>
          </p:nvPr>
        </p:nvSpPr>
        <p:spPr>
          <a:xfrm>
            <a:off x="695325" y="341037"/>
            <a:ext cx="7200900" cy="266400"/>
          </a:xfrm>
        </p:spPr>
        <p:txBody>
          <a:bodyPr lIns="0" tIns="0" rIns="0" bIns="0" anchor="ctr"/>
          <a:lstStyle>
            <a:lvl1pPr marL="0" indent="0">
              <a:buNone/>
              <a:defRPr sz="1000" b="0" i="0" cap="all" spc="50" baseline="0">
                <a:solidFill>
                  <a:srgbClr val="F0F5F5"/>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7" name="Content Placeholder 6">
            <a:extLst>
              <a:ext uri="{FF2B5EF4-FFF2-40B4-BE49-F238E27FC236}">
                <a16:creationId xmlns:a16="http://schemas.microsoft.com/office/drawing/2014/main" id="{AB417CFC-03DB-73E1-465E-A5DE27D752D7}"/>
              </a:ext>
            </a:extLst>
          </p:cNvPr>
          <p:cNvSpPr>
            <a:spLocks noGrp="1"/>
          </p:cNvSpPr>
          <p:nvPr>
            <p:ph sz="quarter" idx="18" hasCustomPrompt="1"/>
          </p:nvPr>
        </p:nvSpPr>
        <p:spPr>
          <a:xfrm>
            <a:off x="695325" y="1663416"/>
            <a:ext cx="5185020" cy="575534"/>
          </a:xfrm>
          <a:prstGeom prst="rect">
            <a:avLst/>
          </a:prstGeom>
        </p:spPr>
        <p:txBody>
          <a:bodyPr lIns="0" tIns="0" rIns="0" bIns="0"/>
          <a:lstStyle>
            <a:lvl1pPr marL="0" indent="0">
              <a:buClr>
                <a:srgbClr val="F7673B"/>
              </a:buClr>
              <a:buNone/>
              <a:defRPr sz="1600" b="0" i="0" spc="-30" baseline="0">
                <a:solidFill>
                  <a:srgbClr val="B8EAF1"/>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a:t>
            </a:r>
          </a:p>
        </p:txBody>
      </p:sp>
      <p:sp>
        <p:nvSpPr>
          <p:cNvPr id="6" name="Content Placeholder 6">
            <a:extLst>
              <a:ext uri="{FF2B5EF4-FFF2-40B4-BE49-F238E27FC236}">
                <a16:creationId xmlns:a16="http://schemas.microsoft.com/office/drawing/2014/main" id="{14A74222-D751-B398-BB5D-9EDFF831DC73}"/>
              </a:ext>
            </a:extLst>
          </p:cNvPr>
          <p:cNvSpPr>
            <a:spLocks noGrp="1"/>
          </p:cNvSpPr>
          <p:nvPr>
            <p:ph sz="quarter" idx="10"/>
          </p:nvPr>
        </p:nvSpPr>
        <p:spPr>
          <a:xfrm>
            <a:off x="695326" y="2269067"/>
            <a:ext cx="5164700" cy="3991822"/>
          </a:xfrm>
          <a:prstGeom prst="rect">
            <a:avLst/>
          </a:prstGeom>
        </p:spPr>
        <p:txBody>
          <a:bodyPr lIns="0" tIns="0" rIns="0" bIns="0"/>
          <a:lstStyle>
            <a:lvl1pPr>
              <a:buClr>
                <a:srgbClr val="F7673B"/>
              </a:buClr>
              <a:defRPr b="0" i="0" spc="-30" baseline="0">
                <a:solidFill>
                  <a:schemeClr val="bg1"/>
                </a:solidFill>
                <a:latin typeface="+mn-lt"/>
              </a:defRPr>
            </a:lvl1pPr>
            <a:lvl2pPr marL="312738" indent="-127000">
              <a:buClr>
                <a:srgbClr val="F7673B"/>
              </a:buClr>
              <a:tabLst/>
              <a:defRPr b="0" i="0" spc="-30" baseline="0">
                <a:solidFill>
                  <a:srgbClr val="F0F5F5"/>
                </a:solidFill>
                <a:latin typeface="+mn-lt"/>
              </a:defRPr>
            </a:lvl2pPr>
            <a:lvl3pPr marL="490538" indent="-127000">
              <a:buClr>
                <a:srgbClr val="F7673B"/>
              </a:buClr>
              <a:tabLst/>
              <a:defRPr b="0" i="0" spc="-30" baseline="0">
                <a:solidFill>
                  <a:srgbClr val="F0F5F5"/>
                </a:solidFill>
                <a:latin typeface="+mn-lt"/>
              </a:defRPr>
            </a:lvl3pPr>
            <a:lvl4pPr marL="625475" indent="-134938">
              <a:buClr>
                <a:srgbClr val="F7673B"/>
              </a:buClr>
              <a:tabLst/>
              <a:defRPr b="0" i="0" spc="-30" baseline="0">
                <a:solidFill>
                  <a:srgbClr val="F0F5F5"/>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sp>
        <p:nvSpPr>
          <p:cNvPr id="3" name="Picture Placeholder 2">
            <a:extLst>
              <a:ext uri="{FF2B5EF4-FFF2-40B4-BE49-F238E27FC236}">
                <a16:creationId xmlns:a16="http://schemas.microsoft.com/office/drawing/2014/main" id="{3614A391-024D-7CA8-3C4C-8A342E7D1F25}"/>
              </a:ext>
            </a:extLst>
          </p:cNvPr>
          <p:cNvSpPr>
            <a:spLocks noGrp="1"/>
          </p:cNvSpPr>
          <p:nvPr>
            <p:ph type="pic" sz="quarter" idx="15" hasCustomPrompt="1"/>
          </p:nvPr>
        </p:nvSpPr>
        <p:spPr>
          <a:xfrm>
            <a:off x="6095999" y="717665"/>
            <a:ext cx="5400675" cy="5519622"/>
          </a:xfrm>
          <a:solidFill>
            <a:schemeClr val="tx2"/>
          </a:solidFill>
        </p:spPr>
        <p:txBody>
          <a:bodyPr anchor="ctr"/>
          <a:lstStyle>
            <a:lvl1pPr marL="0" indent="0" algn="ctr">
              <a:buNone/>
              <a:defRPr/>
            </a:lvl1pPr>
          </a:lstStyle>
          <a:p>
            <a:r>
              <a:rPr lang="en-GB"/>
              <a:t>I</a:t>
            </a:r>
            <a:r>
              <a:rPr lang="en-FI"/>
              <a:t>nsert image</a:t>
            </a:r>
          </a:p>
          <a:p>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07887171-6A1D-D68B-3796-101EA645F4AC}"/>
              </a:ext>
            </a:extLst>
          </p:cNvPr>
          <p:cNvSpPr>
            <a:spLocks noGrp="1"/>
          </p:cNvSpPr>
          <p:nvPr>
            <p:ph type="ftr" sz="quarter" idx="16"/>
          </p:nvPr>
        </p:nvSpPr>
        <p:spPr>
          <a:xfrm rot="5400000">
            <a:off x="10057335" y="2392978"/>
            <a:ext cx="3574935" cy="224310"/>
          </a:xfrm>
          <a:prstGeom prst="rect">
            <a:avLst/>
          </a:prstGeom>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23A3DB2-BDCB-D02C-0CA3-CBCB64A7D3F4}"/>
              </a:ext>
            </a:extLst>
          </p:cNvPr>
          <p:cNvSpPr>
            <a:spLocks noGrp="1"/>
          </p:cNvSpPr>
          <p:nvPr>
            <p:ph type="sldNum" sz="quarter" idx="17"/>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2" name="Freeform: Shape 19">
            <a:extLst>
              <a:ext uri="{FF2B5EF4-FFF2-40B4-BE49-F238E27FC236}">
                <a16:creationId xmlns:a16="http://schemas.microsoft.com/office/drawing/2014/main" id="{5E81CDAE-617E-4761-41AB-BA71AF13B68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0481078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nodeType="after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400" fill="hold"/>
                                        <p:tgtEl>
                                          <p:spTgt spid="3"/>
                                        </p:tgtEl>
                                        <p:attrNameLst>
                                          <p:attrName>ppt_x</p:attrName>
                                        </p:attrNameLst>
                                      </p:cBhvr>
                                      <p:tavLst>
                                        <p:tav tm="0">
                                          <p:val>
                                            <p:strVal val="#ppt_x"/>
                                          </p:val>
                                        </p:tav>
                                        <p:tav tm="100000">
                                          <p:val>
                                            <p:strVal val="#ppt_x"/>
                                          </p:val>
                                        </p:tav>
                                      </p:tavLst>
                                    </p:anim>
                                    <p:anim calcmode="lin" valueType="num">
                                      <p:cBhvr additive="base">
                                        <p:cTn id="12" dur="400" fill="hold"/>
                                        <p:tgtEl>
                                          <p:spTgt spid="3"/>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Lst>
  </p:timing>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ontent and numbers">
    <p:spTree>
      <p:nvGrpSpPr>
        <p:cNvPr id="1" name=""/>
        <p:cNvGrpSpPr/>
        <p:nvPr/>
      </p:nvGrpSpPr>
      <p:grpSpPr>
        <a:xfrm>
          <a:off x="0" y="0"/>
          <a:ext cx="0" cy="0"/>
          <a:chOff x="0" y="0"/>
          <a:chExt cx="0" cy="0"/>
        </a:xfrm>
      </p:grpSpPr>
      <p:sp>
        <p:nvSpPr>
          <p:cNvPr id="9" name="Title Placeholder 1">
            <a:extLst>
              <a:ext uri="{FF2B5EF4-FFF2-40B4-BE49-F238E27FC236}">
                <a16:creationId xmlns:a16="http://schemas.microsoft.com/office/drawing/2014/main" id="{F608403A-5858-BA88-2532-319FF30018FE}"/>
              </a:ext>
            </a:extLst>
          </p:cNvPr>
          <p:cNvSpPr>
            <a:spLocks noGrp="1"/>
          </p:cNvSpPr>
          <p:nvPr>
            <p:ph type="title" hasCustomPrompt="1"/>
          </p:nvPr>
        </p:nvSpPr>
        <p:spPr>
          <a:xfrm>
            <a:off x="675006" y="620713"/>
            <a:ext cx="7229766"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1" name="Text Placeholder 3">
            <a:extLst>
              <a:ext uri="{FF2B5EF4-FFF2-40B4-BE49-F238E27FC236}">
                <a16:creationId xmlns:a16="http://schemas.microsoft.com/office/drawing/2014/main" id="{94C29DE6-7DF2-F0AF-49FF-0152F89B60E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6" name="Content Placeholder 6">
            <a:extLst>
              <a:ext uri="{FF2B5EF4-FFF2-40B4-BE49-F238E27FC236}">
                <a16:creationId xmlns:a16="http://schemas.microsoft.com/office/drawing/2014/main" id="{C1FC6C56-0606-D9AF-04D2-580BD4B4094A}"/>
              </a:ext>
            </a:extLst>
          </p:cNvPr>
          <p:cNvSpPr>
            <a:spLocks noGrp="1"/>
          </p:cNvSpPr>
          <p:nvPr>
            <p:ph sz="quarter" idx="22" hasCustomPrompt="1"/>
          </p:nvPr>
        </p:nvSpPr>
        <p:spPr>
          <a:xfrm>
            <a:off x="695325" y="1663416"/>
            <a:ext cx="629814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5" name="Content Placeholder 6">
            <a:extLst>
              <a:ext uri="{FF2B5EF4-FFF2-40B4-BE49-F238E27FC236}">
                <a16:creationId xmlns:a16="http://schemas.microsoft.com/office/drawing/2014/main" id="{ACBCC23B-7B33-D1FB-3F60-33D0A346DAF8}"/>
              </a:ext>
            </a:extLst>
          </p:cNvPr>
          <p:cNvSpPr>
            <a:spLocks noGrp="1"/>
          </p:cNvSpPr>
          <p:nvPr>
            <p:ph sz="quarter" idx="10"/>
          </p:nvPr>
        </p:nvSpPr>
        <p:spPr>
          <a:xfrm>
            <a:off x="695326" y="2269067"/>
            <a:ext cx="62981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7" name="Text Placeholder 16">
            <a:extLst>
              <a:ext uri="{FF2B5EF4-FFF2-40B4-BE49-F238E27FC236}">
                <a16:creationId xmlns:a16="http://schemas.microsoft.com/office/drawing/2014/main" id="{D945AA15-295D-D70A-E330-4DAAB4091682}"/>
              </a:ext>
            </a:extLst>
          </p:cNvPr>
          <p:cNvSpPr>
            <a:spLocks noGrp="1"/>
          </p:cNvSpPr>
          <p:nvPr>
            <p:ph type="body" sz="quarter" idx="16" hasCustomPrompt="1"/>
          </p:nvPr>
        </p:nvSpPr>
        <p:spPr>
          <a:xfrm>
            <a:off x="7862041" y="2104706"/>
            <a:ext cx="2682875" cy="1079500"/>
          </a:xfrm>
        </p:spPr>
        <p:txBody>
          <a:bodyPr anchor="b"/>
          <a:lstStyle>
            <a:lvl1pPr marL="0" indent="0">
              <a:buNone/>
              <a:defRPr sz="7000" b="0" i="0" spc="-200" baseline="0">
                <a:solidFill>
                  <a:schemeClr val="accent1"/>
                </a:solidFill>
                <a:latin typeface="+mn-lt"/>
              </a:defRPr>
            </a:lvl1pPr>
          </a:lstStyle>
          <a:p>
            <a:pPr lvl="0"/>
            <a:r>
              <a:rPr lang="en-GB"/>
              <a:t>000%</a:t>
            </a:r>
            <a:endParaRPr lang="en-FI"/>
          </a:p>
        </p:txBody>
      </p:sp>
      <p:sp>
        <p:nvSpPr>
          <p:cNvPr id="19" name="Text Placeholder 18">
            <a:extLst>
              <a:ext uri="{FF2B5EF4-FFF2-40B4-BE49-F238E27FC236}">
                <a16:creationId xmlns:a16="http://schemas.microsoft.com/office/drawing/2014/main" id="{064E1416-8A53-FA1D-DFB0-33A20B544EFE}"/>
              </a:ext>
            </a:extLst>
          </p:cNvPr>
          <p:cNvSpPr>
            <a:spLocks noGrp="1"/>
          </p:cNvSpPr>
          <p:nvPr>
            <p:ph type="body" sz="quarter" idx="17" hasCustomPrompt="1"/>
          </p:nvPr>
        </p:nvSpPr>
        <p:spPr>
          <a:xfrm>
            <a:off x="7904771" y="3188632"/>
            <a:ext cx="2682875" cy="220663"/>
          </a:xfrm>
        </p:spPr>
        <p:txBody>
          <a:bodyPr/>
          <a:lstStyle>
            <a:lvl1pPr marL="0" indent="0">
              <a:buNone/>
              <a:defRPr sz="1000">
                <a:solidFill>
                  <a:schemeClr val="tx2"/>
                </a:solidFill>
              </a:defRPr>
            </a:lvl1pPr>
          </a:lstStyle>
          <a:p>
            <a:pPr lvl="0"/>
            <a:r>
              <a:rPr lang="en-GB"/>
              <a:t>Explanation to big info</a:t>
            </a:r>
            <a:endParaRPr lang="en-FI"/>
          </a:p>
        </p:txBody>
      </p:sp>
      <p:sp>
        <p:nvSpPr>
          <p:cNvPr id="20" name="Text Placeholder 16">
            <a:extLst>
              <a:ext uri="{FF2B5EF4-FFF2-40B4-BE49-F238E27FC236}">
                <a16:creationId xmlns:a16="http://schemas.microsoft.com/office/drawing/2014/main" id="{A5081761-5F6C-D6DD-A1A5-F559B2405E8B}"/>
              </a:ext>
            </a:extLst>
          </p:cNvPr>
          <p:cNvSpPr>
            <a:spLocks noGrp="1"/>
          </p:cNvSpPr>
          <p:nvPr>
            <p:ph type="body" sz="quarter" idx="18" hasCustomPrompt="1"/>
          </p:nvPr>
        </p:nvSpPr>
        <p:spPr>
          <a:xfrm>
            <a:off x="7862041" y="3561250"/>
            <a:ext cx="2682875" cy="1079500"/>
          </a:xfrm>
        </p:spPr>
        <p:txBody>
          <a:bodyPr anchor="b"/>
          <a:lstStyle>
            <a:lvl1pPr marL="0" indent="0">
              <a:buNone/>
              <a:defRPr sz="7000" b="0" i="0" spc="-200" baseline="0">
                <a:solidFill>
                  <a:schemeClr val="accent1"/>
                </a:solidFill>
                <a:latin typeface="+mn-lt"/>
              </a:defRPr>
            </a:lvl1pPr>
          </a:lstStyle>
          <a:p>
            <a:pPr lvl="0"/>
            <a:r>
              <a:rPr lang="en-GB"/>
              <a:t>000%</a:t>
            </a:r>
            <a:endParaRPr lang="en-FI"/>
          </a:p>
        </p:txBody>
      </p:sp>
      <p:sp>
        <p:nvSpPr>
          <p:cNvPr id="21" name="Text Placeholder 18">
            <a:extLst>
              <a:ext uri="{FF2B5EF4-FFF2-40B4-BE49-F238E27FC236}">
                <a16:creationId xmlns:a16="http://schemas.microsoft.com/office/drawing/2014/main" id="{0AF59D99-62F1-1F5F-7DE0-9DD7B85D9CAC}"/>
              </a:ext>
            </a:extLst>
          </p:cNvPr>
          <p:cNvSpPr>
            <a:spLocks noGrp="1"/>
          </p:cNvSpPr>
          <p:nvPr>
            <p:ph type="body" sz="quarter" idx="19" hasCustomPrompt="1"/>
          </p:nvPr>
        </p:nvSpPr>
        <p:spPr>
          <a:xfrm>
            <a:off x="7904771" y="4645176"/>
            <a:ext cx="2682875" cy="220663"/>
          </a:xfrm>
        </p:spPr>
        <p:txBody>
          <a:bodyPr/>
          <a:lstStyle>
            <a:lvl1pPr marL="0" indent="0">
              <a:buNone/>
              <a:defRPr sz="1000">
                <a:solidFill>
                  <a:schemeClr val="tx2"/>
                </a:solidFill>
              </a:defRPr>
            </a:lvl1pPr>
          </a:lstStyle>
          <a:p>
            <a:pPr lvl="0"/>
            <a:r>
              <a:rPr lang="en-GB"/>
              <a:t>Explanation to big info</a:t>
            </a:r>
            <a:endParaRPr lang="en-FI"/>
          </a:p>
        </p:txBody>
      </p:sp>
      <p:sp>
        <p:nvSpPr>
          <p:cNvPr id="22" name="Text Placeholder 16">
            <a:extLst>
              <a:ext uri="{FF2B5EF4-FFF2-40B4-BE49-F238E27FC236}">
                <a16:creationId xmlns:a16="http://schemas.microsoft.com/office/drawing/2014/main" id="{62D6F6B0-C2B0-C87B-3547-A9D23165A836}"/>
              </a:ext>
            </a:extLst>
          </p:cNvPr>
          <p:cNvSpPr>
            <a:spLocks noGrp="1"/>
          </p:cNvSpPr>
          <p:nvPr>
            <p:ph type="body" sz="quarter" idx="20" hasCustomPrompt="1"/>
          </p:nvPr>
        </p:nvSpPr>
        <p:spPr>
          <a:xfrm>
            <a:off x="7862041" y="5017794"/>
            <a:ext cx="2682875" cy="1079500"/>
          </a:xfrm>
        </p:spPr>
        <p:txBody>
          <a:bodyPr anchor="b"/>
          <a:lstStyle>
            <a:lvl1pPr marL="0" indent="0">
              <a:buNone/>
              <a:defRPr sz="7000" b="0" i="0" spc="-200" baseline="0">
                <a:solidFill>
                  <a:schemeClr val="accent1"/>
                </a:solidFill>
                <a:latin typeface="+mn-lt"/>
              </a:defRPr>
            </a:lvl1pPr>
          </a:lstStyle>
          <a:p>
            <a:pPr lvl="0"/>
            <a:r>
              <a:rPr lang="en-GB"/>
              <a:t>000%</a:t>
            </a:r>
            <a:endParaRPr lang="en-FI"/>
          </a:p>
        </p:txBody>
      </p:sp>
      <p:sp>
        <p:nvSpPr>
          <p:cNvPr id="23" name="Text Placeholder 18">
            <a:extLst>
              <a:ext uri="{FF2B5EF4-FFF2-40B4-BE49-F238E27FC236}">
                <a16:creationId xmlns:a16="http://schemas.microsoft.com/office/drawing/2014/main" id="{1D1A63A2-507A-BBBD-51D0-B477241089C4}"/>
              </a:ext>
            </a:extLst>
          </p:cNvPr>
          <p:cNvSpPr>
            <a:spLocks noGrp="1"/>
          </p:cNvSpPr>
          <p:nvPr>
            <p:ph type="body" sz="quarter" idx="21" hasCustomPrompt="1"/>
          </p:nvPr>
        </p:nvSpPr>
        <p:spPr>
          <a:xfrm>
            <a:off x="7904771" y="6101722"/>
            <a:ext cx="2682875" cy="220663"/>
          </a:xfrm>
        </p:spPr>
        <p:txBody>
          <a:bodyPr/>
          <a:lstStyle>
            <a:lvl1pPr marL="0" indent="0">
              <a:buNone/>
              <a:defRPr sz="1000">
                <a:solidFill>
                  <a:schemeClr val="tx2"/>
                </a:solidFill>
              </a:defRPr>
            </a:lvl1pPr>
          </a:lstStyle>
          <a:p>
            <a:pPr lvl="0"/>
            <a:r>
              <a:rPr lang="en-GB"/>
              <a:t>Explanation to big info</a:t>
            </a:r>
            <a:endParaRPr lang="en-FI"/>
          </a:p>
        </p:txBody>
      </p:sp>
      <p:sp>
        <p:nvSpPr>
          <p:cNvPr id="2" name="Footer Placeholder 1">
            <a:extLst>
              <a:ext uri="{FF2B5EF4-FFF2-40B4-BE49-F238E27FC236}">
                <a16:creationId xmlns:a16="http://schemas.microsoft.com/office/drawing/2014/main" id="{40EEF510-9423-B4C1-9A1B-789797A8CADD}"/>
              </a:ext>
            </a:extLst>
          </p:cNvPr>
          <p:cNvSpPr>
            <a:spLocks noGrp="1"/>
          </p:cNvSpPr>
          <p:nvPr>
            <p:ph type="ftr" sz="quarter" idx="14"/>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EB3C8B8D-4488-FC60-6F58-4C22EFE90D72}"/>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CCB10441-6090-346C-8027-680556E5236B}"/>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99380990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AD830074-C896-D5A4-07AB-041199659C0B}"/>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6" name="Text Placeholder 3">
            <a:extLst>
              <a:ext uri="{FF2B5EF4-FFF2-40B4-BE49-F238E27FC236}">
                <a16:creationId xmlns:a16="http://schemas.microsoft.com/office/drawing/2014/main" id="{83A33975-D56E-1E50-5972-78EDF038FD05}"/>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4" name="Picture Placeholder 3">
            <a:extLst>
              <a:ext uri="{FF2B5EF4-FFF2-40B4-BE49-F238E27FC236}">
                <a16:creationId xmlns:a16="http://schemas.microsoft.com/office/drawing/2014/main" id="{F63A98AB-946B-CD2F-1118-51B8FD354C28}"/>
              </a:ext>
            </a:extLst>
          </p:cNvPr>
          <p:cNvSpPr>
            <a:spLocks noGrp="1"/>
          </p:cNvSpPr>
          <p:nvPr>
            <p:ph type="pic" sz="quarter" idx="17" hasCustomPrompt="1"/>
          </p:nvPr>
        </p:nvSpPr>
        <p:spPr>
          <a:xfrm>
            <a:off x="8871531" y="4130483"/>
            <a:ext cx="2210218" cy="2014873"/>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anchor="ctr"/>
          <a:lstStyle>
            <a:lvl1pPr marL="7937" indent="0" algn="ctr">
              <a:buNone/>
              <a:defRPr/>
            </a:lvl1pPr>
          </a:lstStyle>
          <a:p>
            <a:r>
              <a:rPr lang="en-FI"/>
              <a:t>Use if you want images in the cricle, otherwise delete</a:t>
            </a:r>
          </a:p>
        </p:txBody>
      </p:sp>
      <p:sp>
        <p:nvSpPr>
          <p:cNvPr id="7" name="Freeform: Shape 19">
            <a:extLst>
              <a:ext uri="{FF2B5EF4-FFF2-40B4-BE49-F238E27FC236}">
                <a16:creationId xmlns:a16="http://schemas.microsoft.com/office/drawing/2014/main" id="{5D1C5517-2215-E35F-03C9-3202149ADF0F}"/>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7168193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Text Placeholder 3">
            <a:extLst>
              <a:ext uri="{FF2B5EF4-FFF2-40B4-BE49-F238E27FC236}">
                <a16:creationId xmlns:a16="http://schemas.microsoft.com/office/drawing/2014/main" id="{01CBBA75-1684-3722-9075-91622B5D56F1}"/>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6" name="Freeform: Shape 19">
            <a:extLst>
              <a:ext uri="{FF2B5EF4-FFF2-40B4-BE49-F238E27FC236}">
                <a16:creationId xmlns:a16="http://schemas.microsoft.com/office/drawing/2014/main" id="{CB92ABCD-54DC-ABD5-E067-8693E02B4D8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7" name="Picture Placeholder 3">
            <a:extLst>
              <a:ext uri="{FF2B5EF4-FFF2-40B4-BE49-F238E27FC236}">
                <a16:creationId xmlns:a16="http://schemas.microsoft.com/office/drawing/2014/main" id="{9176A378-D286-F87D-22D4-3AB488AA0B04}"/>
              </a:ext>
            </a:extLst>
          </p:cNvPr>
          <p:cNvSpPr>
            <a:spLocks noGrp="1"/>
          </p:cNvSpPr>
          <p:nvPr>
            <p:ph type="pic" sz="quarter" idx="17" hasCustomPrompt="1"/>
          </p:nvPr>
        </p:nvSpPr>
        <p:spPr>
          <a:xfrm>
            <a:off x="8739451" y="4018723"/>
            <a:ext cx="2210218" cy="2014873"/>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anchor="ctr"/>
          <a:lstStyle>
            <a:lvl1pPr marL="7937" indent="0" algn="ctr">
              <a:buNone/>
              <a:defRPr/>
            </a:lvl1pPr>
          </a:lstStyle>
          <a:p>
            <a:r>
              <a:rPr lang="en-FI"/>
              <a:t>Use if you want images in the cricle, otherwise delete</a:t>
            </a:r>
          </a:p>
        </p:txBody>
      </p:sp>
    </p:spTree>
    <p:extLst>
      <p:ext uri="{BB962C8B-B14F-4D97-AF65-F5344CB8AC3E}">
        <p14:creationId xmlns:p14="http://schemas.microsoft.com/office/powerpoint/2010/main" val="63523164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pic, title + one colum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A95D677-A6B7-4766-87A6-F3A15F9633D5}"/>
              </a:ext>
            </a:extLst>
          </p:cNvPr>
          <p:cNvSpPr>
            <a:spLocks noGrp="1"/>
          </p:cNvSpPr>
          <p:nvPr>
            <p:ph type="title" hasCustomPrompt="1"/>
          </p:nvPr>
        </p:nvSpPr>
        <p:spPr>
          <a:xfrm>
            <a:off x="675005" y="4565124"/>
            <a:ext cx="3600450" cy="1728548"/>
          </a:xfrm>
        </p:spPr>
        <p:txBody>
          <a:bodyPr lIns="0" tIns="0" rIns="0" bIns="0" anchor="t"/>
          <a:lstStyle>
            <a:lvl1pPr>
              <a:defRPr b="1" i="0" spc="-100" baseline="0">
                <a:solidFill>
                  <a:srgbClr val="0F3D51"/>
                </a:solidFill>
                <a:latin typeface="+mj-lt"/>
              </a:defRPr>
            </a:lvl1pPr>
          </a:lstStyle>
          <a:p>
            <a:r>
              <a:rPr lang="en-US" noProof="0"/>
              <a:t>Click to insert Headline</a:t>
            </a:r>
            <a:endParaRPr lang="en-GB"/>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4396966" y="4631267"/>
            <a:ext cx="6762101" cy="1606020"/>
          </a:xfrm>
          <a:prstGeom prst="rect">
            <a:avLst/>
          </a:prstGeom>
        </p:spPr>
        <p:txBody>
          <a:bodyPr lIns="0" tIns="0" rIns="0" bIns="0" numCol="1" spcCol="324000"/>
          <a:lstStyle>
            <a:lvl1pPr marL="0" indent="0">
              <a:lnSpc>
                <a:spcPct val="110000"/>
              </a:lnSpc>
              <a:spcBef>
                <a:spcPts val="0"/>
              </a:spcBef>
              <a:buNone/>
              <a:defRPr sz="1800" b="0" i="0" spc="-40" baseline="0">
                <a:solidFill>
                  <a:srgbClr val="0F3D51"/>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text</a:t>
            </a:r>
          </a:p>
        </p:txBody>
      </p:sp>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p:nvPr>
        </p:nvSpPr>
        <p:spPr>
          <a:xfrm>
            <a:off x="693344" y="620713"/>
            <a:ext cx="10803332" cy="3671887"/>
          </a:xfrm>
          <a:solidFill>
            <a:schemeClr val="bg2"/>
          </a:solidFill>
        </p:spPr>
        <p:txBody>
          <a:bodyPr/>
          <a:lstStyle>
            <a:lvl1pPr marL="0" indent="0" algn="ctr">
              <a:buNone/>
              <a:defRPr/>
            </a:lvl1pPr>
          </a:lstStyle>
          <a:p>
            <a:r>
              <a:rPr lang="en-GB"/>
              <a:t>Click icon to add picture</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 name="Footer Placeholder 1">
            <a:extLst>
              <a:ext uri="{FF2B5EF4-FFF2-40B4-BE49-F238E27FC236}">
                <a16:creationId xmlns:a16="http://schemas.microsoft.com/office/drawing/2014/main" id="{A47F87E1-CF95-3121-1893-F5724C415779}"/>
              </a:ext>
            </a:extLst>
          </p:cNvPr>
          <p:cNvSpPr>
            <a:spLocks noGrp="1"/>
          </p:cNvSpPr>
          <p:nvPr>
            <p:ph type="ftr" sz="quarter" idx="13"/>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5325CC6-CFDB-FFE9-D6C9-049CD7D019FE}"/>
              </a:ext>
            </a:extLst>
          </p:cNvPr>
          <p:cNvSpPr>
            <a:spLocks noGrp="1"/>
          </p:cNvSpPr>
          <p:nvPr>
            <p:ph type="sldNum" sz="quarter" idx="14"/>
          </p:nvPr>
        </p:nvSpPr>
        <p:spPr/>
        <p:txBody>
          <a:bodyPr/>
          <a:lstStyle/>
          <a:p>
            <a:fld id="{B64FCF4A-2F3F-4397-9C44-D2344643394B}" type="slidenum">
              <a:rPr lang="fi-FI" smtClean="0"/>
              <a:pPr/>
              <a:t>‹#›</a:t>
            </a:fld>
            <a:endParaRPr lang="fi-FI"/>
          </a:p>
        </p:txBody>
      </p:sp>
      <p:sp>
        <p:nvSpPr>
          <p:cNvPr id="5" name="Freeform: Shape 19">
            <a:extLst>
              <a:ext uri="{FF2B5EF4-FFF2-40B4-BE49-F238E27FC236}">
                <a16:creationId xmlns:a16="http://schemas.microsoft.com/office/drawing/2014/main" id="{714F2B05-866E-2CEB-6313-E3FDC7EA8E4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34667354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Image coll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203020" y="620713"/>
            <a:ext cx="5892980" cy="5631709"/>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203020" y="397596"/>
            <a:ext cx="4433033" cy="207982"/>
          </a:xfrm>
          <a:prstGeom prst="rect">
            <a:avLst/>
          </a:prstGeom>
        </p:spPr>
        <p:txBody>
          <a:bodyPr lIns="0" tIns="0" rIns="0" bIns="0" numCol="1" spcCol="324000"/>
          <a:lstStyle>
            <a:lvl1pPr marL="0" indent="0">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6290733" y="0"/>
            <a:ext cx="5215466" cy="6857999"/>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1655658" y="6460404"/>
            <a:ext cx="4433033" cy="240212"/>
          </a:xfrm>
          <a:prstGeom prst="rect">
            <a:avLst/>
          </a:prstGeom>
        </p:spPr>
        <p:txBody>
          <a:bodyPr lIns="0" tIns="0" rIns="0" bIns="0" numCol="1" spcCol="324000" anchor="b"/>
          <a:lstStyle>
            <a:lvl1pPr marL="0" indent="0" algn="r">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2" name="Footer Placeholder 1">
            <a:extLst>
              <a:ext uri="{FF2B5EF4-FFF2-40B4-BE49-F238E27FC236}">
                <a16:creationId xmlns:a16="http://schemas.microsoft.com/office/drawing/2014/main" id="{E290B68A-F4D8-28B9-91E1-779750508CB9}"/>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86371A8-7E6E-4F5D-4C59-9356A8ADD23E}"/>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43813C0F-7DED-FDAB-F0DD-146BF6CD662C}"/>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5995420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slide illustration">
    <p:bg>
      <p:bgPr>
        <a:solidFill>
          <a:srgbClr val="0F3D51"/>
        </a:solidFill>
        <a:effectLst/>
      </p:bgPr>
    </p:bg>
    <p:spTree>
      <p:nvGrpSpPr>
        <p:cNvPr id="1" name=""/>
        <p:cNvGrpSpPr/>
        <p:nvPr/>
      </p:nvGrpSpPr>
      <p:grpSpPr>
        <a:xfrm>
          <a:off x="0" y="0"/>
          <a:ext cx="0" cy="0"/>
          <a:chOff x="0" y="0"/>
          <a:chExt cx="0" cy="0"/>
        </a:xfrm>
      </p:grpSpPr>
      <p:pic>
        <p:nvPicPr>
          <p:cNvPr id="7" name="Graphic 6">
            <a:extLst>
              <a:ext uri="{FF2B5EF4-FFF2-40B4-BE49-F238E27FC236}">
                <a16:creationId xmlns:a16="http://schemas.microsoft.com/office/drawing/2014/main" id="{84C87C43-F01F-9366-7DE6-B7B4E2242B77}"/>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5375053" y="859512"/>
            <a:ext cx="6233776" cy="5292078"/>
          </a:xfrm>
          <a:prstGeom prst="rect">
            <a:avLst/>
          </a:prstGeom>
        </p:spPr>
      </p:pic>
      <p:pic>
        <p:nvPicPr>
          <p:cNvPr id="8" name="Graphic 7">
            <a:extLst>
              <a:ext uri="{FF2B5EF4-FFF2-40B4-BE49-F238E27FC236}">
                <a16:creationId xmlns:a16="http://schemas.microsoft.com/office/drawing/2014/main" id="{2126FBD6-1D65-D033-56BB-A40E4A9B3A22}"/>
              </a:ext>
              <a:ext uri="{C183D7F6-B498-43B3-948B-1728B52AA6E4}">
                <adec:decorative xmlns:adec="http://schemas.microsoft.com/office/drawing/2017/decorative" val="1"/>
              </a:ext>
            </a:extLst>
          </p:cNvPr>
          <p:cNvPicPr>
            <a:picLocks noChangeAspect="1"/>
          </p:cNvPicPr>
          <p:nvPr userDrawn="1"/>
        </p:nvPicPr>
        <p:blipFill rotWithShape="1">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l="14055" t="33333" r="15152" b="27889"/>
          <a:stretch/>
        </p:blipFill>
        <p:spPr>
          <a:xfrm>
            <a:off x="6552382" y="2481972"/>
            <a:ext cx="5009973" cy="3388528"/>
          </a:xfrm>
          <a:prstGeom prst="rect">
            <a:avLst/>
          </a:prstGeom>
        </p:spPr>
      </p:pic>
      <p:sp>
        <p:nvSpPr>
          <p:cNvPr id="3" name="Title 2">
            <a:extLst>
              <a:ext uri="{FF2B5EF4-FFF2-40B4-BE49-F238E27FC236}">
                <a16:creationId xmlns:a16="http://schemas.microsoft.com/office/drawing/2014/main" id="{014B3DCC-C27E-85C5-F2BD-642A7B0D7FD5}"/>
              </a:ext>
            </a:extLst>
          </p:cNvPr>
          <p:cNvSpPr>
            <a:spLocks noGrp="1"/>
          </p:cNvSpPr>
          <p:nvPr>
            <p:ph type="title" hasCustomPrompt="1"/>
          </p:nvPr>
        </p:nvSpPr>
        <p:spPr>
          <a:xfrm>
            <a:off x="675005" y="1442147"/>
            <a:ext cx="5339715" cy="3067577"/>
          </a:xfrm>
        </p:spPr>
        <p:txBody>
          <a:bodyPr/>
          <a:lstStyle>
            <a:lvl1pPr>
              <a:defRPr sz="6000" b="0" i="0">
                <a:solidFill>
                  <a:srgbClr val="B8EAF1"/>
                </a:solidFill>
                <a:latin typeface="Messina Modern Book" pitchFamily="2" charset="77"/>
              </a:defRPr>
            </a:lvl1pPr>
          </a:lstStyle>
          <a:p>
            <a:r>
              <a:rPr lang="en-GB"/>
              <a:t>Insert presentation title</a:t>
            </a:r>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09725"/>
            <a:ext cx="4589519" cy="1000095"/>
          </a:xfrm>
          <a:prstGeom prst="rect">
            <a:avLst/>
          </a:prstGeom>
        </p:spPr>
        <p:txBody>
          <a:bodyPr lIns="0" rIns="0">
            <a:noAutofit/>
          </a:bodyPr>
          <a:lstStyle>
            <a:lvl1pPr marL="0" indent="0" algn="l">
              <a:buNone/>
              <a:defRPr sz="1800" b="0" i="0" spc="-50" baseline="0">
                <a:solidFill>
                  <a:schemeClr val="bg2"/>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D64E1053-62E7-6460-DDD6-1E41A149ED98}"/>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bg2"/>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6456622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afterEffect">
                                  <p:stCondLst>
                                    <p:cond delay="0"/>
                                  </p:stCondLst>
                                  <p:childTnLst>
                                    <p:animRot by="120000">
                                      <p:cBhvr>
                                        <p:cTn id="6" dur="500" fill="hold">
                                          <p:stCondLst>
                                            <p:cond delay="0"/>
                                          </p:stCondLst>
                                        </p:cTn>
                                        <p:tgtEl>
                                          <p:spTgt spid="7"/>
                                        </p:tgtEl>
                                        <p:attrNameLst>
                                          <p:attrName>r</p:attrName>
                                        </p:attrNameLst>
                                      </p:cBhvr>
                                    </p:animRot>
                                    <p:animRot by="-240000">
                                      <p:cBhvr>
                                        <p:cTn id="7" dur="1000" fill="hold">
                                          <p:stCondLst>
                                            <p:cond delay="1000"/>
                                          </p:stCondLst>
                                        </p:cTn>
                                        <p:tgtEl>
                                          <p:spTgt spid="7"/>
                                        </p:tgtEl>
                                        <p:attrNameLst>
                                          <p:attrName>r</p:attrName>
                                        </p:attrNameLst>
                                      </p:cBhvr>
                                    </p:animRot>
                                    <p:animRot by="240000">
                                      <p:cBhvr>
                                        <p:cTn id="8" dur="1000" fill="hold">
                                          <p:stCondLst>
                                            <p:cond delay="2000"/>
                                          </p:stCondLst>
                                        </p:cTn>
                                        <p:tgtEl>
                                          <p:spTgt spid="7"/>
                                        </p:tgtEl>
                                        <p:attrNameLst>
                                          <p:attrName>r</p:attrName>
                                        </p:attrNameLst>
                                      </p:cBhvr>
                                    </p:animRot>
                                    <p:animRot by="-240000">
                                      <p:cBhvr>
                                        <p:cTn id="9" dur="1000" fill="hold">
                                          <p:stCondLst>
                                            <p:cond delay="3000"/>
                                          </p:stCondLst>
                                        </p:cTn>
                                        <p:tgtEl>
                                          <p:spTgt spid="7"/>
                                        </p:tgtEl>
                                        <p:attrNameLst>
                                          <p:attrName>r</p:attrName>
                                        </p:attrNameLst>
                                      </p:cBhvr>
                                    </p:animRot>
                                    <p:animRot by="120000">
                                      <p:cBhvr>
                                        <p:cTn id="10" dur="1000" fill="hold">
                                          <p:stCondLst>
                                            <p:cond delay="4000"/>
                                          </p:stCondLst>
                                        </p:cTn>
                                        <p:tgtEl>
                                          <p:spTgt spid="7"/>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wo Image collage 2">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1" y="215351"/>
            <a:ext cx="7896224" cy="6010438"/>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8128000" y="620713"/>
            <a:ext cx="3107267" cy="1496322"/>
          </a:xfrm>
          <a:prstGeom prst="rect">
            <a:avLst/>
          </a:prstGeom>
        </p:spPr>
        <p:txBody>
          <a:bodyPr lIns="0" tIns="0" rIns="0" bIns="0" numCol="1" spcCol="324000" anchor="t"/>
          <a:lstStyle>
            <a:lvl1pPr marL="0" indent="0">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7543800" y="2349500"/>
            <a:ext cx="3952875" cy="4334181"/>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3071192" y="6417199"/>
            <a:ext cx="4258826" cy="367103"/>
          </a:xfrm>
          <a:prstGeom prst="rect">
            <a:avLst/>
          </a:prstGeom>
        </p:spPr>
        <p:txBody>
          <a:bodyPr lIns="0" tIns="0" rIns="0" bIns="0" numCol="1" spcCol="324000" anchor="t"/>
          <a:lstStyle>
            <a:lvl1pPr marL="0" indent="0" algn="r">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2" name="Footer Placeholder 1">
            <a:extLst>
              <a:ext uri="{FF2B5EF4-FFF2-40B4-BE49-F238E27FC236}">
                <a16:creationId xmlns:a16="http://schemas.microsoft.com/office/drawing/2014/main" id="{ED1115FD-EC95-5B67-85EE-5B482D44795E}"/>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42A5D42-A66E-C80D-A30D-8895B8686EBA}"/>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FC853047-1798-E187-1B9F-45346FBDA896}"/>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76247528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Image coll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0" y="0"/>
            <a:ext cx="5901268" cy="4292601"/>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695326" y="4492764"/>
            <a:ext cx="1616076" cy="1619801"/>
          </a:xfrm>
          <a:prstGeom prst="rect">
            <a:avLst/>
          </a:prstGeom>
        </p:spPr>
        <p:txBody>
          <a:bodyPr lIns="0" tIns="0" rIns="0" bIns="0" numCol="1" spcCol="324000" anchor="t"/>
          <a:lstStyle>
            <a:lvl1pPr marL="0" indent="0" algn="l">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3" name="Picture Placeholder 5">
            <a:extLst>
              <a:ext uri="{FF2B5EF4-FFF2-40B4-BE49-F238E27FC236}">
                <a16:creationId xmlns:a16="http://schemas.microsoft.com/office/drawing/2014/main" id="{3B868E7A-66DB-6AD7-8F6F-3A985472AB7B}"/>
              </a:ext>
            </a:extLst>
          </p:cNvPr>
          <p:cNvSpPr>
            <a:spLocks noGrp="1"/>
          </p:cNvSpPr>
          <p:nvPr>
            <p:ph type="pic" sz="quarter" idx="15" hasCustomPrompt="1"/>
          </p:nvPr>
        </p:nvSpPr>
        <p:spPr>
          <a:xfrm>
            <a:off x="2506133" y="4492763"/>
            <a:ext cx="3395135" cy="2365235"/>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6096000" y="5660364"/>
            <a:ext cx="4433033" cy="565425"/>
          </a:xfrm>
          <a:prstGeom prst="rect">
            <a:avLst/>
          </a:prstGeom>
        </p:spPr>
        <p:txBody>
          <a:bodyPr lIns="0" tIns="0" rIns="0" bIns="0" numCol="1" spcCol="324000" anchor="t"/>
          <a:lstStyle>
            <a:lvl1pPr marL="0" indent="0">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6096000" y="620713"/>
            <a:ext cx="6095999" cy="4855484"/>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2" name="Footer Placeholder 1">
            <a:extLst>
              <a:ext uri="{FF2B5EF4-FFF2-40B4-BE49-F238E27FC236}">
                <a16:creationId xmlns:a16="http://schemas.microsoft.com/office/drawing/2014/main" id="{6A4AF229-D9A1-D5D3-B175-10A0CA92A79B}"/>
              </a:ext>
            </a:extLst>
          </p:cNvPr>
          <p:cNvSpPr>
            <a:spLocks noGrp="1"/>
          </p:cNvSpPr>
          <p:nvPr>
            <p:ph type="ftr" sz="quarter" idx="16"/>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B62A9D0E-43DD-2FCE-54CA-FB2CCBDDB394}"/>
              </a:ext>
            </a:extLst>
          </p:cNvPr>
          <p:cNvSpPr>
            <a:spLocks noGrp="1"/>
          </p:cNvSpPr>
          <p:nvPr>
            <p:ph type="sldNum" sz="quarter" idx="17"/>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D5BD8215-B9BF-C0A1-9C54-5EC01F91E4B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77853858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our Image coll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1" y="215350"/>
            <a:ext cx="6002382" cy="6021937"/>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690154" y="4295936"/>
            <a:ext cx="1805396" cy="1956486"/>
          </a:xfrm>
          <a:prstGeom prst="rect">
            <a:avLst/>
          </a:prstGeom>
          <a:solidFill>
            <a:schemeClr val="bg1">
              <a:alpha val="79904"/>
            </a:schemeClr>
          </a:solidFill>
        </p:spPr>
        <p:txBody>
          <a:bodyPr lIns="180000" tIns="180000" rIns="180000" bIns="180000" numCol="1" spcCol="324000" anchor="t"/>
          <a:lstStyle>
            <a:lvl1pPr marL="0" indent="0" algn="r">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6189619" y="215352"/>
            <a:ext cx="5307056" cy="2991580"/>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8128000" y="629591"/>
            <a:ext cx="3107267" cy="565425"/>
          </a:xfrm>
          <a:prstGeom prst="rect">
            <a:avLst/>
          </a:prstGeom>
        </p:spPr>
        <p:txBody>
          <a:bodyPr lIns="0" tIns="0" rIns="0" bIns="0" numCol="1" spcCol="324000" anchor="t"/>
          <a:lstStyle>
            <a:lvl1pPr marL="0" indent="0">
              <a:lnSpc>
                <a:spcPct val="110000"/>
              </a:lnSpc>
              <a:spcBef>
                <a:spcPts val="0"/>
              </a:spcBef>
              <a:buNone/>
              <a:defRPr sz="1000" b="0" i="0" spc="-30" baseline="0">
                <a:solidFill>
                  <a:schemeClr val="tx2"/>
                </a:solidFill>
                <a:latin typeface="Cadiz Book" pitchFamily="2" charset="0"/>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13" name="Picture Placeholder 5">
            <a:extLst>
              <a:ext uri="{FF2B5EF4-FFF2-40B4-BE49-F238E27FC236}">
                <a16:creationId xmlns:a16="http://schemas.microsoft.com/office/drawing/2014/main" id="{0E819411-D686-A62A-E99C-EB3F87F92651}"/>
              </a:ext>
            </a:extLst>
          </p:cNvPr>
          <p:cNvSpPr>
            <a:spLocks noGrp="1"/>
          </p:cNvSpPr>
          <p:nvPr>
            <p:ph type="pic" sz="quarter" idx="15" hasCustomPrompt="1"/>
          </p:nvPr>
        </p:nvSpPr>
        <p:spPr>
          <a:xfrm>
            <a:off x="6189619" y="3398342"/>
            <a:ext cx="2569027" cy="2838946"/>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15" name="Picture Placeholder 5">
            <a:extLst>
              <a:ext uri="{FF2B5EF4-FFF2-40B4-BE49-F238E27FC236}">
                <a16:creationId xmlns:a16="http://schemas.microsoft.com/office/drawing/2014/main" id="{6730227F-DBA7-18C2-076D-4936C68278F8}"/>
              </a:ext>
            </a:extLst>
          </p:cNvPr>
          <p:cNvSpPr>
            <a:spLocks noGrp="1"/>
          </p:cNvSpPr>
          <p:nvPr>
            <p:ph type="pic" sz="quarter" idx="16" hasCustomPrompt="1"/>
          </p:nvPr>
        </p:nvSpPr>
        <p:spPr>
          <a:xfrm>
            <a:off x="8932819" y="3398342"/>
            <a:ext cx="2569027" cy="2838946"/>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2" name="Footer Placeholder 1">
            <a:extLst>
              <a:ext uri="{FF2B5EF4-FFF2-40B4-BE49-F238E27FC236}">
                <a16:creationId xmlns:a16="http://schemas.microsoft.com/office/drawing/2014/main" id="{34E1C052-1AA4-6994-6684-14D331FFB4A0}"/>
              </a:ext>
            </a:extLst>
          </p:cNvPr>
          <p:cNvSpPr>
            <a:spLocks noGrp="1"/>
          </p:cNvSpPr>
          <p:nvPr>
            <p:ph type="ftr" sz="quarter" idx="17"/>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10EDF643-5C20-3F6F-EF18-7A30B2450137}"/>
              </a:ext>
            </a:extLst>
          </p:cNvPr>
          <p:cNvSpPr>
            <a:spLocks noGrp="1"/>
          </p:cNvSpPr>
          <p:nvPr>
            <p:ph type="sldNum" sz="quarter" idx="18"/>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767560BA-E35A-547F-F56D-CADCC27819A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98957246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Logo collage ENG - Selected references">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73244824-AD89-0848-AD84-2DC73277F4E4}"/>
              </a:ext>
            </a:extLst>
          </p:cNvPr>
          <p:cNvSpPr txBox="1">
            <a:spLocks/>
          </p:cNvSpPr>
          <p:nvPr userDrawn="1"/>
        </p:nvSpPr>
        <p:spPr>
          <a:xfrm>
            <a:off x="3180434" y="1933917"/>
            <a:ext cx="5863244" cy="2977672"/>
          </a:xfrm>
          <a:prstGeom prst="rect">
            <a:avLst/>
          </a:prstGeom>
        </p:spPr>
        <p:txBody>
          <a:bodyPr vert="horz" lIns="0" tIns="0" rIns="0" bIns="0" rtlCol="0" anchor="ctr" anchorCtr="0">
            <a:noAutofit/>
          </a:bodyPr>
          <a:lstStyle>
            <a:lvl1pPr algn="l" defTabSz="914400" rtl="0" eaLnBrk="1" latinLnBrk="0" hangingPunct="1">
              <a:lnSpc>
                <a:spcPct val="100000"/>
              </a:lnSpc>
              <a:spcBef>
                <a:spcPct val="0"/>
              </a:spcBef>
              <a:buNone/>
              <a:defRPr sz="3600" b="1" i="0" kern="1200">
                <a:solidFill>
                  <a:schemeClr val="accent5"/>
                </a:solidFill>
                <a:latin typeface="Cadiz Book" pitchFamily="2" charset="0"/>
                <a:ea typeface="+mj-ea"/>
                <a:cs typeface="+mj-cs"/>
              </a:defRPr>
            </a:lvl1pPr>
          </a:lstStyle>
          <a:p>
            <a:pPr algn="ctr"/>
            <a:r>
              <a:rPr lang="en-GB" sz="2400" b="0" i="0" spc="-50" baseline="0">
                <a:solidFill>
                  <a:schemeClr val="tx1"/>
                </a:solidFill>
                <a:latin typeface="Messina Modern Book" pitchFamily="2" charset="77"/>
              </a:rPr>
              <a:t>Meaningful progress comes from a place </a:t>
            </a:r>
            <a:br>
              <a:rPr lang="en-GB" sz="2400" b="0" i="0" spc="-50" baseline="0">
                <a:solidFill>
                  <a:schemeClr val="tx1"/>
                </a:solidFill>
                <a:latin typeface="Messina Modern Book" pitchFamily="2" charset="77"/>
              </a:rPr>
            </a:br>
            <a:r>
              <a:rPr lang="en-GB" sz="2400" b="0" i="0" spc="-50" baseline="0">
                <a:solidFill>
                  <a:schemeClr val="tx1"/>
                </a:solidFill>
                <a:latin typeface="Messina Modern Book" pitchFamily="2" charset="77"/>
              </a:rPr>
              <a:t>of trust and close cooperation - together achieving more clarity, smarter ways of working and improved performance.</a:t>
            </a:r>
          </a:p>
        </p:txBody>
      </p:sp>
      <p:sp>
        <p:nvSpPr>
          <p:cNvPr id="17" name="Picture Placeholder 16">
            <a:extLst>
              <a:ext uri="{FF2B5EF4-FFF2-40B4-BE49-F238E27FC236}">
                <a16:creationId xmlns:a16="http://schemas.microsoft.com/office/drawing/2014/main" id="{507F8F9C-96D4-1E4C-BD89-22EDF1BC9237}"/>
              </a:ext>
            </a:extLst>
          </p:cNvPr>
          <p:cNvSpPr>
            <a:spLocks noGrp="1"/>
          </p:cNvSpPr>
          <p:nvPr>
            <p:ph type="pic" sz="quarter" idx="10" hasCustomPrompt="1"/>
          </p:nvPr>
        </p:nvSpPr>
        <p:spPr>
          <a:xfrm>
            <a:off x="541772"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8" name="Picture Placeholder 16">
            <a:extLst>
              <a:ext uri="{FF2B5EF4-FFF2-40B4-BE49-F238E27FC236}">
                <a16:creationId xmlns:a16="http://schemas.microsoft.com/office/drawing/2014/main" id="{1403B77C-F94F-E24B-B1B2-DFB7FE1E59C0}"/>
              </a:ext>
            </a:extLst>
          </p:cNvPr>
          <p:cNvSpPr>
            <a:spLocks noGrp="1"/>
          </p:cNvSpPr>
          <p:nvPr>
            <p:ph type="pic" sz="quarter" idx="11" hasCustomPrompt="1"/>
          </p:nvPr>
        </p:nvSpPr>
        <p:spPr>
          <a:xfrm>
            <a:off x="2806486"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9" name="Picture Placeholder 16">
            <a:extLst>
              <a:ext uri="{FF2B5EF4-FFF2-40B4-BE49-F238E27FC236}">
                <a16:creationId xmlns:a16="http://schemas.microsoft.com/office/drawing/2014/main" id="{B474BF40-CF24-7646-9190-8F117CF91B41}"/>
              </a:ext>
            </a:extLst>
          </p:cNvPr>
          <p:cNvSpPr>
            <a:spLocks noGrp="1"/>
          </p:cNvSpPr>
          <p:nvPr>
            <p:ph type="pic" sz="quarter" idx="12" hasCustomPrompt="1"/>
          </p:nvPr>
        </p:nvSpPr>
        <p:spPr>
          <a:xfrm>
            <a:off x="5084150"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0" name="Picture Placeholder 16">
            <a:extLst>
              <a:ext uri="{FF2B5EF4-FFF2-40B4-BE49-F238E27FC236}">
                <a16:creationId xmlns:a16="http://schemas.microsoft.com/office/drawing/2014/main" id="{DE3C6968-C7F4-DE4C-B423-D75A3845F16C}"/>
              </a:ext>
            </a:extLst>
          </p:cNvPr>
          <p:cNvSpPr>
            <a:spLocks noGrp="1"/>
          </p:cNvSpPr>
          <p:nvPr>
            <p:ph type="pic" sz="quarter" idx="13" hasCustomPrompt="1"/>
          </p:nvPr>
        </p:nvSpPr>
        <p:spPr>
          <a:xfrm>
            <a:off x="7361814"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1" name="Picture Placeholder 16">
            <a:extLst>
              <a:ext uri="{FF2B5EF4-FFF2-40B4-BE49-F238E27FC236}">
                <a16:creationId xmlns:a16="http://schemas.microsoft.com/office/drawing/2014/main" id="{C7516619-91CA-554F-915E-3E6427DAE0BB}"/>
              </a:ext>
            </a:extLst>
          </p:cNvPr>
          <p:cNvSpPr>
            <a:spLocks noGrp="1"/>
          </p:cNvSpPr>
          <p:nvPr>
            <p:ph type="pic" sz="quarter" idx="14" hasCustomPrompt="1"/>
          </p:nvPr>
        </p:nvSpPr>
        <p:spPr>
          <a:xfrm>
            <a:off x="9652429"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2" name="Picture Placeholder 16">
            <a:extLst>
              <a:ext uri="{FF2B5EF4-FFF2-40B4-BE49-F238E27FC236}">
                <a16:creationId xmlns:a16="http://schemas.microsoft.com/office/drawing/2014/main" id="{A59A4D84-F9D8-BC4C-9A42-49EE50787BEC}"/>
              </a:ext>
            </a:extLst>
          </p:cNvPr>
          <p:cNvSpPr>
            <a:spLocks noGrp="1"/>
          </p:cNvSpPr>
          <p:nvPr>
            <p:ph type="pic" sz="quarter" idx="15" hasCustomPrompt="1"/>
          </p:nvPr>
        </p:nvSpPr>
        <p:spPr>
          <a:xfrm>
            <a:off x="528822"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3" name="Picture Placeholder 16">
            <a:extLst>
              <a:ext uri="{FF2B5EF4-FFF2-40B4-BE49-F238E27FC236}">
                <a16:creationId xmlns:a16="http://schemas.microsoft.com/office/drawing/2014/main" id="{0D28FD49-71BD-664C-A0F4-CE23B747A4C2}"/>
              </a:ext>
            </a:extLst>
          </p:cNvPr>
          <p:cNvSpPr>
            <a:spLocks noGrp="1"/>
          </p:cNvSpPr>
          <p:nvPr>
            <p:ph type="pic" sz="quarter" idx="16" hasCustomPrompt="1"/>
          </p:nvPr>
        </p:nvSpPr>
        <p:spPr>
          <a:xfrm>
            <a:off x="9639479"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4" name="Picture Placeholder 16">
            <a:extLst>
              <a:ext uri="{FF2B5EF4-FFF2-40B4-BE49-F238E27FC236}">
                <a16:creationId xmlns:a16="http://schemas.microsoft.com/office/drawing/2014/main" id="{85710E33-7258-344D-B647-3914497C1E90}"/>
              </a:ext>
            </a:extLst>
          </p:cNvPr>
          <p:cNvSpPr>
            <a:spLocks noGrp="1"/>
          </p:cNvSpPr>
          <p:nvPr>
            <p:ph type="pic" sz="quarter" idx="17" hasCustomPrompt="1"/>
          </p:nvPr>
        </p:nvSpPr>
        <p:spPr>
          <a:xfrm>
            <a:off x="528822"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5" name="Picture Placeholder 16">
            <a:extLst>
              <a:ext uri="{FF2B5EF4-FFF2-40B4-BE49-F238E27FC236}">
                <a16:creationId xmlns:a16="http://schemas.microsoft.com/office/drawing/2014/main" id="{1E2847F7-1720-FF42-85DD-7450BF33866D}"/>
              </a:ext>
            </a:extLst>
          </p:cNvPr>
          <p:cNvSpPr>
            <a:spLocks noGrp="1"/>
          </p:cNvSpPr>
          <p:nvPr>
            <p:ph type="pic" sz="quarter" idx="18" hasCustomPrompt="1"/>
          </p:nvPr>
        </p:nvSpPr>
        <p:spPr>
          <a:xfrm>
            <a:off x="2806486"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6" name="Picture Placeholder 16">
            <a:extLst>
              <a:ext uri="{FF2B5EF4-FFF2-40B4-BE49-F238E27FC236}">
                <a16:creationId xmlns:a16="http://schemas.microsoft.com/office/drawing/2014/main" id="{AC8B352A-2985-5E40-8D00-A0DE89819C12}"/>
              </a:ext>
            </a:extLst>
          </p:cNvPr>
          <p:cNvSpPr>
            <a:spLocks noGrp="1"/>
          </p:cNvSpPr>
          <p:nvPr>
            <p:ph type="pic" sz="quarter" idx="19" hasCustomPrompt="1"/>
          </p:nvPr>
        </p:nvSpPr>
        <p:spPr>
          <a:xfrm>
            <a:off x="5084150"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7" name="Picture Placeholder 16">
            <a:extLst>
              <a:ext uri="{FF2B5EF4-FFF2-40B4-BE49-F238E27FC236}">
                <a16:creationId xmlns:a16="http://schemas.microsoft.com/office/drawing/2014/main" id="{30586464-5BEB-FD49-9CA9-A083B560F0FB}"/>
              </a:ext>
            </a:extLst>
          </p:cNvPr>
          <p:cNvSpPr>
            <a:spLocks noGrp="1"/>
          </p:cNvSpPr>
          <p:nvPr>
            <p:ph type="pic" sz="quarter" idx="20" hasCustomPrompt="1"/>
          </p:nvPr>
        </p:nvSpPr>
        <p:spPr>
          <a:xfrm>
            <a:off x="7361814"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8" name="Picture Placeholder 16">
            <a:extLst>
              <a:ext uri="{FF2B5EF4-FFF2-40B4-BE49-F238E27FC236}">
                <a16:creationId xmlns:a16="http://schemas.microsoft.com/office/drawing/2014/main" id="{6D8D3E5F-02C4-8A42-8386-33459CA35107}"/>
              </a:ext>
            </a:extLst>
          </p:cNvPr>
          <p:cNvSpPr>
            <a:spLocks noGrp="1"/>
          </p:cNvSpPr>
          <p:nvPr>
            <p:ph type="pic" sz="quarter" idx="21" hasCustomPrompt="1"/>
          </p:nvPr>
        </p:nvSpPr>
        <p:spPr>
          <a:xfrm>
            <a:off x="9639479"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pic>
        <p:nvPicPr>
          <p:cNvPr id="29" name="Graphic 28">
            <a:extLst>
              <a:ext uri="{FF2B5EF4-FFF2-40B4-BE49-F238E27FC236}">
                <a16:creationId xmlns:a16="http://schemas.microsoft.com/office/drawing/2014/main" id="{73022DB4-4D06-BF46-A6E5-FE30BC9029AF}"/>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 name="Footer Placeholder 1">
            <a:extLst>
              <a:ext uri="{FF2B5EF4-FFF2-40B4-BE49-F238E27FC236}">
                <a16:creationId xmlns:a16="http://schemas.microsoft.com/office/drawing/2014/main" id="{3BA8EE79-2439-F393-1615-6A477C56789A}"/>
              </a:ext>
            </a:extLst>
          </p:cNvPr>
          <p:cNvSpPr>
            <a:spLocks noGrp="1"/>
          </p:cNvSpPr>
          <p:nvPr>
            <p:ph type="ftr" sz="quarter" idx="22"/>
          </p:nvPr>
        </p:nvSpPr>
        <p:spPr>
          <a:xfrm rot="5400000">
            <a:off x="10057335" y="2392978"/>
            <a:ext cx="3574935" cy="224310"/>
          </a:xfrm>
          <a:prstGeom prst="rect">
            <a:avLst/>
          </a:prstGeom>
        </p:spPr>
        <p:txBody>
          <a:bodyPr/>
          <a:lstStyle/>
          <a:p>
            <a:r>
              <a:rPr lang="fi-FI"/>
              <a:t>CONFIDENTIAL</a:t>
            </a:r>
          </a:p>
        </p:txBody>
      </p:sp>
      <p:sp>
        <p:nvSpPr>
          <p:cNvPr id="4" name="Slide Number Placeholder 3">
            <a:extLst>
              <a:ext uri="{FF2B5EF4-FFF2-40B4-BE49-F238E27FC236}">
                <a16:creationId xmlns:a16="http://schemas.microsoft.com/office/drawing/2014/main" id="{642FAC66-0FCD-58B7-35E8-AC7D4E458150}"/>
              </a:ext>
            </a:extLst>
          </p:cNvPr>
          <p:cNvSpPr>
            <a:spLocks noGrp="1"/>
          </p:cNvSpPr>
          <p:nvPr>
            <p:ph type="sldNum" sz="quarter" idx="23"/>
          </p:nvPr>
        </p:nvSpPr>
        <p:spPr/>
        <p:txBody>
          <a:bodyPr/>
          <a:lstStyle/>
          <a:p>
            <a:fld id="{B64FCF4A-2F3F-4397-9C44-D2344643394B}" type="slidenum">
              <a:rPr lang="fi-FI" smtClean="0"/>
              <a:pPr/>
              <a:t>‹#›</a:t>
            </a:fld>
            <a:endParaRPr lang="fi-FI"/>
          </a:p>
        </p:txBody>
      </p:sp>
    </p:spTree>
    <p:extLst>
      <p:ext uri="{BB962C8B-B14F-4D97-AF65-F5344CB8AC3E}">
        <p14:creationId xmlns:p14="http://schemas.microsoft.com/office/powerpoint/2010/main" val="348817957"/>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Logo collage DE - Selected references">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73244824-AD89-0848-AD84-2DC73277F4E4}"/>
              </a:ext>
            </a:extLst>
          </p:cNvPr>
          <p:cNvSpPr txBox="1">
            <a:spLocks/>
          </p:cNvSpPr>
          <p:nvPr userDrawn="1"/>
        </p:nvSpPr>
        <p:spPr>
          <a:xfrm>
            <a:off x="3180434" y="1933917"/>
            <a:ext cx="5863244" cy="2977672"/>
          </a:xfrm>
          <a:prstGeom prst="rect">
            <a:avLst/>
          </a:prstGeom>
        </p:spPr>
        <p:txBody>
          <a:bodyPr vert="horz" lIns="0" tIns="0" rIns="0" bIns="0" rtlCol="0" anchor="ctr" anchorCtr="0">
            <a:noAutofit/>
          </a:bodyPr>
          <a:lstStyle>
            <a:lvl1pPr algn="l" defTabSz="914400" rtl="0" eaLnBrk="1" latinLnBrk="0" hangingPunct="1">
              <a:lnSpc>
                <a:spcPct val="100000"/>
              </a:lnSpc>
              <a:spcBef>
                <a:spcPct val="0"/>
              </a:spcBef>
              <a:buNone/>
              <a:defRPr sz="3600" b="1" i="0" kern="1200">
                <a:solidFill>
                  <a:schemeClr val="accent5"/>
                </a:solidFill>
                <a:latin typeface="Cadiz Book" pitchFamily="2" charset="0"/>
                <a:ea typeface="+mj-ea"/>
                <a:cs typeface="+mj-cs"/>
              </a:defRPr>
            </a:lvl1pPr>
          </a:lstStyle>
          <a:p>
            <a:pPr algn="ctr"/>
            <a:r>
              <a:rPr lang="de-DE" sz="2400" b="0" i="0" spc="-50" baseline="0">
                <a:solidFill>
                  <a:schemeClr val="tx1"/>
                </a:solidFill>
                <a:latin typeface="Messina Modern Book" pitchFamily="2" charset="77"/>
              </a:rPr>
              <a:t>Bedeutsamer Fortschritt entstehen </a:t>
            </a:r>
            <a:br>
              <a:rPr lang="de-DE" sz="2400" b="0" i="0" spc="-50" baseline="0">
                <a:solidFill>
                  <a:schemeClr val="tx1"/>
                </a:solidFill>
                <a:latin typeface="Messina Modern Book" pitchFamily="2" charset="77"/>
              </a:rPr>
            </a:br>
            <a:r>
              <a:rPr lang="de-DE" sz="2400" b="0" i="0" spc="-50" baseline="0">
                <a:solidFill>
                  <a:schemeClr val="tx1"/>
                </a:solidFill>
                <a:latin typeface="Messina Modern Book" pitchFamily="2" charset="77"/>
              </a:rPr>
              <a:t>durch Vertrauen und enge Zusammenarbeit - gemeinsam erreichen wir mehr Klarheit, intelligentere Arbeitsweisen und bessere Leistungen.</a:t>
            </a:r>
          </a:p>
        </p:txBody>
      </p:sp>
      <p:sp>
        <p:nvSpPr>
          <p:cNvPr id="17" name="Picture Placeholder 16">
            <a:extLst>
              <a:ext uri="{FF2B5EF4-FFF2-40B4-BE49-F238E27FC236}">
                <a16:creationId xmlns:a16="http://schemas.microsoft.com/office/drawing/2014/main" id="{507F8F9C-96D4-1E4C-BD89-22EDF1BC9237}"/>
              </a:ext>
            </a:extLst>
          </p:cNvPr>
          <p:cNvSpPr>
            <a:spLocks noGrp="1"/>
          </p:cNvSpPr>
          <p:nvPr>
            <p:ph type="pic" sz="quarter" idx="10" hasCustomPrompt="1"/>
          </p:nvPr>
        </p:nvSpPr>
        <p:spPr>
          <a:xfrm>
            <a:off x="541772"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8" name="Picture Placeholder 16">
            <a:extLst>
              <a:ext uri="{FF2B5EF4-FFF2-40B4-BE49-F238E27FC236}">
                <a16:creationId xmlns:a16="http://schemas.microsoft.com/office/drawing/2014/main" id="{1403B77C-F94F-E24B-B1B2-DFB7FE1E59C0}"/>
              </a:ext>
            </a:extLst>
          </p:cNvPr>
          <p:cNvSpPr>
            <a:spLocks noGrp="1"/>
          </p:cNvSpPr>
          <p:nvPr>
            <p:ph type="pic" sz="quarter" idx="11" hasCustomPrompt="1"/>
          </p:nvPr>
        </p:nvSpPr>
        <p:spPr>
          <a:xfrm>
            <a:off x="2806486"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9" name="Picture Placeholder 16">
            <a:extLst>
              <a:ext uri="{FF2B5EF4-FFF2-40B4-BE49-F238E27FC236}">
                <a16:creationId xmlns:a16="http://schemas.microsoft.com/office/drawing/2014/main" id="{B474BF40-CF24-7646-9190-8F117CF91B41}"/>
              </a:ext>
            </a:extLst>
          </p:cNvPr>
          <p:cNvSpPr>
            <a:spLocks noGrp="1"/>
          </p:cNvSpPr>
          <p:nvPr>
            <p:ph type="pic" sz="quarter" idx="12" hasCustomPrompt="1"/>
          </p:nvPr>
        </p:nvSpPr>
        <p:spPr>
          <a:xfrm>
            <a:off x="5084150"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0" name="Picture Placeholder 16">
            <a:extLst>
              <a:ext uri="{FF2B5EF4-FFF2-40B4-BE49-F238E27FC236}">
                <a16:creationId xmlns:a16="http://schemas.microsoft.com/office/drawing/2014/main" id="{DE3C6968-C7F4-DE4C-B423-D75A3845F16C}"/>
              </a:ext>
            </a:extLst>
          </p:cNvPr>
          <p:cNvSpPr>
            <a:spLocks noGrp="1"/>
          </p:cNvSpPr>
          <p:nvPr>
            <p:ph type="pic" sz="quarter" idx="13" hasCustomPrompt="1"/>
          </p:nvPr>
        </p:nvSpPr>
        <p:spPr>
          <a:xfrm>
            <a:off x="7361814"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1" name="Picture Placeholder 16">
            <a:extLst>
              <a:ext uri="{FF2B5EF4-FFF2-40B4-BE49-F238E27FC236}">
                <a16:creationId xmlns:a16="http://schemas.microsoft.com/office/drawing/2014/main" id="{C7516619-91CA-554F-915E-3E6427DAE0BB}"/>
              </a:ext>
            </a:extLst>
          </p:cNvPr>
          <p:cNvSpPr>
            <a:spLocks noGrp="1"/>
          </p:cNvSpPr>
          <p:nvPr>
            <p:ph type="pic" sz="quarter" idx="14" hasCustomPrompt="1"/>
          </p:nvPr>
        </p:nvSpPr>
        <p:spPr>
          <a:xfrm>
            <a:off x="9652429"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2" name="Picture Placeholder 16">
            <a:extLst>
              <a:ext uri="{FF2B5EF4-FFF2-40B4-BE49-F238E27FC236}">
                <a16:creationId xmlns:a16="http://schemas.microsoft.com/office/drawing/2014/main" id="{A59A4D84-F9D8-BC4C-9A42-49EE50787BEC}"/>
              </a:ext>
            </a:extLst>
          </p:cNvPr>
          <p:cNvSpPr>
            <a:spLocks noGrp="1"/>
          </p:cNvSpPr>
          <p:nvPr>
            <p:ph type="pic" sz="quarter" idx="15" hasCustomPrompt="1"/>
          </p:nvPr>
        </p:nvSpPr>
        <p:spPr>
          <a:xfrm>
            <a:off x="528822"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3" name="Picture Placeholder 16">
            <a:extLst>
              <a:ext uri="{FF2B5EF4-FFF2-40B4-BE49-F238E27FC236}">
                <a16:creationId xmlns:a16="http://schemas.microsoft.com/office/drawing/2014/main" id="{0D28FD49-71BD-664C-A0F4-CE23B747A4C2}"/>
              </a:ext>
            </a:extLst>
          </p:cNvPr>
          <p:cNvSpPr>
            <a:spLocks noGrp="1"/>
          </p:cNvSpPr>
          <p:nvPr>
            <p:ph type="pic" sz="quarter" idx="16" hasCustomPrompt="1"/>
          </p:nvPr>
        </p:nvSpPr>
        <p:spPr>
          <a:xfrm>
            <a:off x="9639479"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4" name="Picture Placeholder 16">
            <a:extLst>
              <a:ext uri="{FF2B5EF4-FFF2-40B4-BE49-F238E27FC236}">
                <a16:creationId xmlns:a16="http://schemas.microsoft.com/office/drawing/2014/main" id="{85710E33-7258-344D-B647-3914497C1E90}"/>
              </a:ext>
            </a:extLst>
          </p:cNvPr>
          <p:cNvSpPr>
            <a:spLocks noGrp="1"/>
          </p:cNvSpPr>
          <p:nvPr>
            <p:ph type="pic" sz="quarter" idx="17" hasCustomPrompt="1"/>
          </p:nvPr>
        </p:nvSpPr>
        <p:spPr>
          <a:xfrm>
            <a:off x="528822"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5" name="Picture Placeholder 16">
            <a:extLst>
              <a:ext uri="{FF2B5EF4-FFF2-40B4-BE49-F238E27FC236}">
                <a16:creationId xmlns:a16="http://schemas.microsoft.com/office/drawing/2014/main" id="{1E2847F7-1720-FF42-85DD-7450BF33866D}"/>
              </a:ext>
            </a:extLst>
          </p:cNvPr>
          <p:cNvSpPr>
            <a:spLocks noGrp="1"/>
          </p:cNvSpPr>
          <p:nvPr>
            <p:ph type="pic" sz="quarter" idx="18" hasCustomPrompt="1"/>
          </p:nvPr>
        </p:nvSpPr>
        <p:spPr>
          <a:xfrm>
            <a:off x="2806486"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6" name="Picture Placeholder 16">
            <a:extLst>
              <a:ext uri="{FF2B5EF4-FFF2-40B4-BE49-F238E27FC236}">
                <a16:creationId xmlns:a16="http://schemas.microsoft.com/office/drawing/2014/main" id="{AC8B352A-2985-5E40-8D00-A0DE89819C12}"/>
              </a:ext>
            </a:extLst>
          </p:cNvPr>
          <p:cNvSpPr>
            <a:spLocks noGrp="1"/>
          </p:cNvSpPr>
          <p:nvPr>
            <p:ph type="pic" sz="quarter" idx="19" hasCustomPrompt="1"/>
          </p:nvPr>
        </p:nvSpPr>
        <p:spPr>
          <a:xfrm>
            <a:off x="5084150"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7" name="Picture Placeholder 16">
            <a:extLst>
              <a:ext uri="{FF2B5EF4-FFF2-40B4-BE49-F238E27FC236}">
                <a16:creationId xmlns:a16="http://schemas.microsoft.com/office/drawing/2014/main" id="{30586464-5BEB-FD49-9CA9-A083B560F0FB}"/>
              </a:ext>
            </a:extLst>
          </p:cNvPr>
          <p:cNvSpPr>
            <a:spLocks noGrp="1"/>
          </p:cNvSpPr>
          <p:nvPr>
            <p:ph type="pic" sz="quarter" idx="20" hasCustomPrompt="1"/>
          </p:nvPr>
        </p:nvSpPr>
        <p:spPr>
          <a:xfrm>
            <a:off x="7361814"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8" name="Picture Placeholder 16">
            <a:extLst>
              <a:ext uri="{FF2B5EF4-FFF2-40B4-BE49-F238E27FC236}">
                <a16:creationId xmlns:a16="http://schemas.microsoft.com/office/drawing/2014/main" id="{6D8D3E5F-02C4-8A42-8386-33459CA35107}"/>
              </a:ext>
            </a:extLst>
          </p:cNvPr>
          <p:cNvSpPr>
            <a:spLocks noGrp="1"/>
          </p:cNvSpPr>
          <p:nvPr>
            <p:ph type="pic" sz="quarter" idx="21" hasCustomPrompt="1"/>
          </p:nvPr>
        </p:nvSpPr>
        <p:spPr>
          <a:xfrm>
            <a:off x="9639479"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pic>
        <p:nvPicPr>
          <p:cNvPr id="29" name="Graphic 28">
            <a:extLst>
              <a:ext uri="{FF2B5EF4-FFF2-40B4-BE49-F238E27FC236}">
                <a16:creationId xmlns:a16="http://schemas.microsoft.com/office/drawing/2014/main" id="{73022DB4-4D06-BF46-A6E5-FE30BC9029AF}"/>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 name="Footer Placeholder 1">
            <a:extLst>
              <a:ext uri="{FF2B5EF4-FFF2-40B4-BE49-F238E27FC236}">
                <a16:creationId xmlns:a16="http://schemas.microsoft.com/office/drawing/2014/main" id="{3BA8EE79-2439-F393-1615-6A477C56789A}"/>
              </a:ext>
            </a:extLst>
          </p:cNvPr>
          <p:cNvSpPr>
            <a:spLocks noGrp="1"/>
          </p:cNvSpPr>
          <p:nvPr>
            <p:ph type="ftr" sz="quarter" idx="22"/>
          </p:nvPr>
        </p:nvSpPr>
        <p:spPr>
          <a:xfrm rot="5400000">
            <a:off x="10057335" y="2392978"/>
            <a:ext cx="3574935" cy="224310"/>
          </a:xfrm>
          <a:prstGeom prst="rect">
            <a:avLst/>
          </a:prstGeom>
        </p:spPr>
        <p:txBody>
          <a:bodyPr/>
          <a:lstStyle/>
          <a:p>
            <a:r>
              <a:rPr lang="fi-FI"/>
              <a:t>CONFIDENTIAL</a:t>
            </a:r>
          </a:p>
        </p:txBody>
      </p:sp>
      <p:sp>
        <p:nvSpPr>
          <p:cNvPr id="4" name="Slide Number Placeholder 3">
            <a:extLst>
              <a:ext uri="{FF2B5EF4-FFF2-40B4-BE49-F238E27FC236}">
                <a16:creationId xmlns:a16="http://schemas.microsoft.com/office/drawing/2014/main" id="{642FAC66-0FCD-58B7-35E8-AC7D4E458150}"/>
              </a:ext>
            </a:extLst>
          </p:cNvPr>
          <p:cNvSpPr>
            <a:spLocks noGrp="1"/>
          </p:cNvSpPr>
          <p:nvPr>
            <p:ph type="sldNum" sz="quarter" idx="23"/>
          </p:nvPr>
        </p:nvSpPr>
        <p:spPr/>
        <p:txBody>
          <a:bodyPr/>
          <a:lstStyle/>
          <a:p>
            <a:fld id="{B64FCF4A-2F3F-4397-9C44-D2344643394B}" type="slidenum">
              <a:rPr lang="fi-FI" smtClean="0"/>
              <a:pPr/>
              <a:t>‹#›</a:t>
            </a:fld>
            <a:endParaRPr lang="fi-FI"/>
          </a:p>
        </p:txBody>
      </p:sp>
    </p:spTree>
    <p:extLst>
      <p:ext uri="{BB962C8B-B14F-4D97-AF65-F5344CB8AC3E}">
        <p14:creationId xmlns:p14="http://schemas.microsoft.com/office/powerpoint/2010/main" val="3060455718"/>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Case/story collection ">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557B55-E421-2240-872B-23D7DBCC5512}"/>
              </a:ext>
            </a:extLst>
          </p:cNvPr>
          <p:cNvSpPr>
            <a:spLocks noGrp="1"/>
          </p:cNvSpPr>
          <p:nvPr>
            <p:ph type="title"/>
          </p:nvPr>
        </p:nvSpPr>
        <p:spPr/>
        <p:txBody>
          <a:bodyPr/>
          <a:lstStyle/>
          <a:p>
            <a:r>
              <a:rPr lang="en-GB"/>
              <a:t>Click to edit Master title style</a:t>
            </a:r>
            <a:endParaRPr lang="en-FI"/>
          </a:p>
        </p:txBody>
      </p:sp>
      <p:sp>
        <p:nvSpPr>
          <p:cNvPr id="3" name="Text Placeholder 3">
            <a:extLst>
              <a:ext uri="{FF2B5EF4-FFF2-40B4-BE49-F238E27FC236}">
                <a16:creationId xmlns:a16="http://schemas.microsoft.com/office/drawing/2014/main" id="{DC377B40-DD28-FB8C-5DD0-7565BD9578AC}"/>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5" name="Content Placeholder 6">
            <a:extLst>
              <a:ext uri="{FF2B5EF4-FFF2-40B4-BE49-F238E27FC236}">
                <a16:creationId xmlns:a16="http://schemas.microsoft.com/office/drawing/2014/main" id="{12D3DB6F-2E1B-DA99-D80D-CC82835EC501}"/>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12" name="Picture Placeholder 11">
            <a:extLst>
              <a:ext uri="{FF2B5EF4-FFF2-40B4-BE49-F238E27FC236}">
                <a16:creationId xmlns:a16="http://schemas.microsoft.com/office/drawing/2014/main" id="{64F3F9A2-755C-FB4D-B085-74D62DCBFEC5}"/>
              </a:ext>
            </a:extLst>
          </p:cNvPr>
          <p:cNvSpPr>
            <a:spLocks noGrp="1"/>
          </p:cNvSpPr>
          <p:nvPr>
            <p:ph type="pic" sz="quarter" idx="10" hasCustomPrompt="1"/>
          </p:nvPr>
        </p:nvSpPr>
        <p:spPr>
          <a:xfrm>
            <a:off x="206734" y="2350294"/>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FI"/>
          </a:p>
        </p:txBody>
      </p:sp>
      <p:sp>
        <p:nvSpPr>
          <p:cNvPr id="7" name="Text Placeholder 5">
            <a:extLst>
              <a:ext uri="{FF2B5EF4-FFF2-40B4-BE49-F238E27FC236}">
                <a16:creationId xmlns:a16="http://schemas.microsoft.com/office/drawing/2014/main" id="{EF8ECF39-D444-5005-A4E6-9B8C560D1895}"/>
              </a:ext>
            </a:extLst>
          </p:cNvPr>
          <p:cNvSpPr>
            <a:spLocks noGrp="1"/>
          </p:cNvSpPr>
          <p:nvPr>
            <p:ph type="body" sz="quarter" idx="24" hasCustomPrompt="1"/>
          </p:nvPr>
        </p:nvSpPr>
        <p:spPr>
          <a:xfrm>
            <a:off x="206734" y="4311816"/>
            <a:ext cx="2897188" cy="1925471"/>
          </a:xfrm>
          <a:solidFill>
            <a:srgbClr val="FAF1EF"/>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sp>
        <p:nvSpPr>
          <p:cNvPr id="13" name="Picture Placeholder 11">
            <a:extLst>
              <a:ext uri="{FF2B5EF4-FFF2-40B4-BE49-F238E27FC236}">
                <a16:creationId xmlns:a16="http://schemas.microsoft.com/office/drawing/2014/main" id="{8327C10F-6162-FBE8-C443-D08DD8890B8A}"/>
              </a:ext>
            </a:extLst>
          </p:cNvPr>
          <p:cNvSpPr>
            <a:spLocks noGrp="1"/>
          </p:cNvSpPr>
          <p:nvPr>
            <p:ph type="pic" sz="quarter" idx="15" hasCustomPrompt="1"/>
          </p:nvPr>
        </p:nvSpPr>
        <p:spPr>
          <a:xfrm>
            <a:off x="3147037" y="4311816"/>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FI"/>
          </a:p>
        </p:txBody>
      </p:sp>
      <p:sp>
        <p:nvSpPr>
          <p:cNvPr id="9" name="Text Placeholder 5">
            <a:extLst>
              <a:ext uri="{FF2B5EF4-FFF2-40B4-BE49-F238E27FC236}">
                <a16:creationId xmlns:a16="http://schemas.microsoft.com/office/drawing/2014/main" id="{09DB76FE-E377-2FFA-5FFF-E5B9E8E25F25}"/>
              </a:ext>
            </a:extLst>
          </p:cNvPr>
          <p:cNvSpPr>
            <a:spLocks noGrp="1"/>
          </p:cNvSpPr>
          <p:nvPr>
            <p:ph type="body" sz="quarter" idx="26" hasCustomPrompt="1"/>
          </p:nvPr>
        </p:nvSpPr>
        <p:spPr>
          <a:xfrm>
            <a:off x="3152075" y="2350294"/>
            <a:ext cx="2897188" cy="1925471"/>
          </a:xfrm>
          <a:solidFill>
            <a:srgbClr val="F0F5F5"/>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sp>
        <p:nvSpPr>
          <p:cNvPr id="22" name="Picture Placeholder 11">
            <a:extLst>
              <a:ext uri="{FF2B5EF4-FFF2-40B4-BE49-F238E27FC236}">
                <a16:creationId xmlns:a16="http://schemas.microsoft.com/office/drawing/2014/main" id="{BDD1E9B8-1A51-16C9-392E-18A44F8BC36F}"/>
              </a:ext>
            </a:extLst>
          </p:cNvPr>
          <p:cNvSpPr>
            <a:spLocks noGrp="1"/>
          </p:cNvSpPr>
          <p:nvPr>
            <p:ph type="pic" sz="quarter" idx="17" hasCustomPrompt="1"/>
          </p:nvPr>
        </p:nvSpPr>
        <p:spPr>
          <a:xfrm>
            <a:off x="6092378" y="2350294"/>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FI"/>
          </a:p>
        </p:txBody>
      </p:sp>
      <p:sp>
        <p:nvSpPr>
          <p:cNvPr id="6" name="Text Placeholder 5">
            <a:extLst>
              <a:ext uri="{FF2B5EF4-FFF2-40B4-BE49-F238E27FC236}">
                <a16:creationId xmlns:a16="http://schemas.microsoft.com/office/drawing/2014/main" id="{FFFCB9FB-41A5-57DE-EE5F-86845FE29A75}"/>
              </a:ext>
            </a:extLst>
          </p:cNvPr>
          <p:cNvSpPr>
            <a:spLocks noGrp="1"/>
          </p:cNvSpPr>
          <p:nvPr>
            <p:ph type="body" sz="quarter" idx="23" hasCustomPrompt="1"/>
          </p:nvPr>
        </p:nvSpPr>
        <p:spPr>
          <a:xfrm>
            <a:off x="6092378" y="4311816"/>
            <a:ext cx="2897188" cy="1925471"/>
          </a:xfrm>
          <a:solidFill>
            <a:srgbClr val="FAF1EF"/>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sp>
        <p:nvSpPr>
          <p:cNvPr id="24" name="Picture Placeholder 11">
            <a:extLst>
              <a:ext uri="{FF2B5EF4-FFF2-40B4-BE49-F238E27FC236}">
                <a16:creationId xmlns:a16="http://schemas.microsoft.com/office/drawing/2014/main" id="{B5CA3660-CC02-C7FC-792D-EF803D4E6451}"/>
              </a:ext>
            </a:extLst>
          </p:cNvPr>
          <p:cNvSpPr>
            <a:spLocks noGrp="1"/>
          </p:cNvSpPr>
          <p:nvPr>
            <p:ph type="pic" sz="quarter" idx="19" hasCustomPrompt="1"/>
          </p:nvPr>
        </p:nvSpPr>
        <p:spPr>
          <a:xfrm>
            <a:off x="9032682" y="4311816"/>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GB"/>
          </a:p>
        </p:txBody>
      </p:sp>
      <p:sp>
        <p:nvSpPr>
          <p:cNvPr id="8" name="Text Placeholder 5">
            <a:extLst>
              <a:ext uri="{FF2B5EF4-FFF2-40B4-BE49-F238E27FC236}">
                <a16:creationId xmlns:a16="http://schemas.microsoft.com/office/drawing/2014/main" id="{E9FD4823-503C-9E86-D235-6987D02822EB}"/>
              </a:ext>
            </a:extLst>
          </p:cNvPr>
          <p:cNvSpPr>
            <a:spLocks noGrp="1"/>
          </p:cNvSpPr>
          <p:nvPr>
            <p:ph type="body" sz="quarter" idx="25" hasCustomPrompt="1"/>
          </p:nvPr>
        </p:nvSpPr>
        <p:spPr>
          <a:xfrm>
            <a:off x="9037720" y="2350294"/>
            <a:ext cx="2897188" cy="1925471"/>
          </a:xfrm>
          <a:solidFill>
            <a:srgbClr val="F0F5F5"/>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pic>
        <p:nvPicPr>
          <p:cNvPr id="10" name="Graphic 9">
            <a:extLst>
              <a:ext uri="{FF2B5EF4-FFF2-40B4-BE49-F238E27FC236}">
                <a16:creationId xmlns:a16="http://schemas.microsoft.com/office/drawing/2014/main" id="{A98F7D56-5494-9E8B-E9B5-B9855BBA3E7F}"/>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Footer Placeholder 1">
            <a:extLst>
              <a:ext uri="{FF2B5EF4-FFF2-40B4-BE49-F238E27FC236}">
                <a16:creationId xmlns:a16="http://schemas.microsoft.com/office/drawing/2014/main" id="{59A5EDB2-562D-ADF7-BD57-16CAE679BF84}"/>
              </a:ext>
            </a:extLst>
          </p:cNvPr>
          <p:cNvSpPr>
            <a:spLocks noGrp="1"/>
          </p:cNvSpPr>
          <p:nvPr>
            <p:ph type="ftr" sz="quarter" idx="27"/>
          </p:nvPr>
        </p:nvSpPr>
        <p:spPr>
          <a:xfrm rot="5400000">
            <a:off x="11055956" y="1394359"/>
            <a:ext cx="1577694" cy="224310"/>
          </a:xfrm>
          <a:prstGeom prst="rect">
            <a:avLst/>
          </a:prstGeom>
        </p:spPr>
        <p:txBody>
          <a:bodyPr/>
          <a:lstStyle/>
          <a:p>
            <a:r>
              <a:rPr lang="fi-FI"/>
              <a:t>CONFIDENTIAL</a:t>
            </a:r>
          </a:p>
        </p:txBody>
      </p:sp>
      <p:sp>
        <p:nvSpPr>
          <p:cNvPr id="4" name="Slide Number Placeholder 3">
            <a:extLst>
              <a:ext uri="{FF2B5EF4-FFF2-40B4-BE49-F238E27FC236}">
                <a16:creationId xmlns:a16="http://schemas.microsoft.com/office/drawing/2014/main" id="{59AF91A4-DBC4-F221-8F81-9687386D9E80}"/>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14" name="Freeform: Shape 19">
            <a:extLst>
              <a:ext uri="{FF2B5EF4-FFF2-40B4-BE49-F238E27FC236}">
                <a16:creationId xmlns:a16="http://schemas.microsoft.com/office/drawing/2014/main" id="{198F783E-6828-6762-D4DC-473232C048C4}"/>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4648399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4" name="Title 3">
            <a:extLst>
              <a:ext uri="{FF2B5EF4-FFF2-40B4-BE49-F238E27FC236}">
                <a16:creationId xmlns:a16="http://schemas.microsoft.com/office/drawing/2014/main" id="{8F6D139A-A29E-7E09-E511-207BE7EFFB58}"/>
              </a:ext>
            </a:extLst>
          </p:cNvPr>
          <p:cNvSpPr>
            <a:spLocks noGrp="1"/>
          </p:cNvSpPr>
          <p:nvPr>
            <p:ph type="title" hasCustomPrompt="1"/>
          </p:nvPr>
        </p:nvSpPr>
        <p:spPr>
          <a:xfrm>
            <a:off x="1168628" y="686317"/>
            <a:ext cx="6727598" cy="3606283"/>
          </a:xfrm>
        </p:spPr>
        <p:txBody>
          <a:bodyPr anchor="t" anchorCtr="0"/>
          <a:lstStyle>
            <a:lvl1pPr>
              <a:defRPr sz="3600" b="0">
                <a:latin typeface="Messina Modern Book" pitchFamily="50" charset="0"/>
              </a:defRPr>
            </a:lvl1pPr>
          </a:lstStyle>
          <a:p>
            <a:r>
              <a:rPr lang="en-GB"/>
              <a:t>Click to insert a smart quote or other thoughtful piece of text</a:t>
            </a:r>
            <a:endParaRPr lang="fi-FI"/>
          </a:p>
        </p:txBody>
      </p:sp>
      <p:sp>
        <p:nvSpPr>
          <p:cNvPr id="9" name="Title 2">
            <a:extLst>
              <a:ext uri="{FF2B5EF4-FFF2-40B4-BE49-F238E27FC236}">
                <a16:creationId xmlns:a16="http://schemas.microsoft.com/office/drawing/2014/main" id="{4B0A7896-170E-1B46-1E78-3898CCFBD6DA}"/>
              </a:ext>
              <a:ext uri="{C183D7F6-B498-43B3-948B-1728B52AA6E4}">
                <adec:decorative xmlns:adec="http://schemas.microsoft.com/office/drawing/2017/decorative" val="1"/>
              </a:ext>
            </a:extLst>
          </p:cNvPr>
          <p:cNvSpPr txBox="1">
            <a:spLocks/>
          </p:cNvSpPr>
          <p:nvPr userDrawn="1"/>
        </p:nvSpPr>
        <p:spPr>
          <a:xfrm>
            <a:off x="395209" y="-73360"/>
            <a:ext cx="703711" cy="1080000"/>
          </a:xfrm>
          <a:prstGeom prst="rect">
            <a:avLst/>
          </a:prstGeom>
        </p:spPr>
        <p:txBody>
          <a:bodyPr vert="horz" lIns="0" tIns="0" rIns="0" bIns="0" rtlCol="0" anchor="ctr" anchorCtr="0">
            <a:noAutofit/>
          </a:bodyPr>
          <a:lstStyle>
            <a:lvl1pPr algn="l" defTabSz="914400" rtl="0" eaLnBrk="1" latinLnBrk="0" hangingPunct="1">
              <a:lnSpc>
                <a:spcPct val="90000"/>
              </a:lnSpc>
              <a:spcBef>
                <a:spcPct val="0"/>
              </a:spcBef>
              <a:buNone/>
              <a:defRPr sz="3600" b="1" i="0" kern="1200" spc="-100" baseline="0">
                <a:solidFill>
                  <a:srgbClr val="0F3D51"/>
                </a:solidFill>
                <a:latin typeface="Cadiz Trial SemiBold" pitchFamily="2" charset="0"/>
                <a:ea typeface="+mj-ea"/>
                <a:cs typeface="+mj-cs"/>
              </a:defRPr>
            </a:lvl1pPr>
          </a:lstStyle>
          <a:p>
            <a:r>
              <a:rPr lang="en-FI" sz="9600" b="0">
                <a:solidFill>
                  <a:srgbClr val="D3E3E5"/>
                </a:solidFill>
                <a:latin typeface="Cadiz Book" pitchFamily="2" charset="77"/>
              </a:rPr>
              <a:t>,,</a:t>
            </a:r>
          </a:p>
        </p:txBody>
      </p:sp>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6" name="Freeform: Shape 19">
            <a:extLst>
              <a:ext uri="{FF2B5EF4-FFF2-40B4-BE49-F238E27FC236}">
                <a16:creationId xmlns:a16="http://schemas.microsoft.com/office/drawing/2014/main" id="{983EB745-2035-FF51-5DF8-8B665816EE2C}"/>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7" name="Picture Placeholder 3">
            <a:extLst>
              <a:ext uri="{FF2B5EF4-FFF2-40B4-BE49-F238E27FC236}">
                <a16:creationId xmlns:a16="http://schemas.microsoft.com/office/drawing/2014/main" id="{512A67CF-63D1-C66A-5621-053C2A35E702}"/>
              </a:ext>
            </a:extLst>
          </p:cNvPr>
          <p:cNvSpPr>
            <a:spLocks noGrp="1"/>
          </p:cNvSpPr>
          <p:nvPr>
            <p:ph type="pic" sz="quarter" idx="17" hasCustomPrompt="1"/>
          </p:nvPr>
        </p:nvSpPr>
        <p:spPr>
          <a:xfrm>
            <a:off x="8739451" y="4018723"/>
            <a:ext cx="2210218" cy="2014873"/>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anchor="ctr"/>
          <a:lstStyle>
            <a:lvl1pPr marL="7937" indent="0" algn="ctr">
              <a:buNone/>
              <a:defRPr/>
            </a:lvl1pPr>
          </a:lstStyle>
          <a:p>
            <a:r>
              <a:rPr lang="en-FI"/>
              <a:t>Use if you want images in the cricle, otherwise delete</a:t>
            </a:r>
          </a:p>
        </p:txBody>
      </p:sp>
    </p:spTree>
    <p:extLst>
      <p:ext uri="{BB962C8B-B14F-4D97-AF65-F5344CB8AC3E}">
        <p14:creationId xmlns:p14="http://schemas.microsoft.com/office/powerpoint/2010/main" val="411263240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Section Break Title dark blue">
    <p:bg>
      <p:bgPr>
        <a:solidFill>
          <a:srgbClr val="0F3D5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0800000">
            <a:off x="1200599" y="1100194"/>
            <a:ext cx="5486411" cy="4657613"/>
          </a:xfrm>
          <a:prstGeom prst="rect">
            <a:avLst/>
          </a:prstGeom>
        </p:spPr>
      </p:pic>
      <p:sp>
        <p:nvSpPr>
          <p:cNvPr id="2" name="Title 1">
            <a:extLst>
              <a:ext uri="{FF2B5EF4-FFF2-40B4-BE49-F238E27FC236}">
                <a16:creationId xmlns:a16="http://schemas.microsoft.com/office/drawing/2014/main" id="{7FC2B66C-034E-43F0-9710-7A600ADAC327}"/>
              </a:ext>
            </a:extLst>
          </p:cNvPr>
          <p:cNvSpPr>
            <a:spLocks noGrp="1"/>
          </p:cNvSpPr>
          <p:nvPr>
            <p:ph type="title" hasCustomPrompt="1"/>
          </p:nvPr>
        </p:nvSpPr>
        <p:spPr>
          <a:xfrm>
            <a:off x="679141" y="906651"/>
            <a:ext cx="7355841" cy="2802804"/>
          </a:xfrm>
          <a:prstGeom prst="rect">
            <a:avLst/>
          </a:prstGeom>
        </p:spPr>
        <p:txBody>
          <a:bodyPr anchor="b" anchorCtr="0"/>
          <a:lstStyle>
            <a:lvl1pPr algn="l">
              <a:lnSpc>
                <a:spcPct val="85000"/>
              </a:lnSpc>
              <a:defRPr sz="6000" b="0" i="0" spc="-100" baseline="0">
                <a:solidFill>
                  <a:schemeClr val="bg1"/>
                </a:solidFill>
                <a:latin typeface="Messina Modern Book" pitchFamily="50" charset="0"/>
              </a:defRPr>
            </a:lvl1pPr>
          </a:lstStyle>
          <a:p>
            <a:r>
              <a:rPr lang="en-US" noProof="0"/>
              <a:t>Click to insert section title</a:t>
            </a:r>
            <a:endParaRPr lang="en-GB" noProof="0"/>
          </a:p>
        </p:txBody>
      </p:sp>
      <p:sp>
        <p:nvSpPr>
          <p:cNvPr id="6" name="Text Placeholder 3">
            <a:extLst>
              <a:ext uri="{FF2B5EF4-FFF2-40B4-BE49-F238E27FC236}">
                <a16:creationId xmlns:a16="http://schemas.microsoft.com/office/drawing/2014/main" id="{EA8A50F4-B485-AC73-7947-356CB76D61BA}"/>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8549" y="4002069"/>
            <a:ext cx="8069938" cy="1778883"/>
          </a:xfrm>
          <a:prstGeom prst="rect">
            <a:avLst/>
          </a:prstGeom>
        </p:spPr>
        <p:txBody>
          <a:bodyPr lIns="0" tIns="0" rIns="0" bIns="0">
            <a:noAutofit/>
          </a:bodyPr>
          <a:lstStyle>
            <a:lvl1pPr marL="0" indent="0" algn="l">
              <a:buNone/>
              <a:defRPr sz="2400" b="0" i="0" spc="-50" baseline="0">
                <a:solidFill>
                  <a:schemeClr val="bg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3" name="Footer Placeholder 2">
            <a:extLst>
              <a:ext uri="{FF2B5EF4-FFF2-40B4-BE49-F238E27FC236}">
                <a16:creationId xmlns:a16="http://schemas.microsoft.com/office/drawing/2014/main" id="{0ECCC90E-227E-66D3-6412-7BA061F245A7}"/>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F8C73F0C-6CFB-787C-B431-905FFF9BE5AC}"/>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627FE3E7-1EE6-AEF5-F509-9A4D3778F514}"/>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2805342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nodeType="with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2"/>
                                        </p:tgtEl>
                                        <p:attrNameLst>
                                          <p:attrName>style.visibility</p:attrName>
                                        </p:attrNameLst>
                                      </p:cBhvr>
                                      <p:to>
                                        <p:strVal val="visible"/>
                                      </p:to>
                                    </p:set>
                                    <p:animEffect transition="in" filter="wipe(down)">
                                      <p:cBhvr>
                                        <p:cTn id="13" dur="500"/>
                                        <p:tgtEl>
                                          <p:spTgt spid="2"/>
                                        </p:tgtEl>
                                      </p:cBhvr>
                                    </p:animEffect>
                                  </p:childTnLst>
                                </p:cTn>
                              </p:par>
                              <p:par>
                                <p:cTn id="14" presetID="22" presetClass="entr" presetSubtype="4" fill="hold" grpId="0" nodeType="withEffect">
                                  <p:stCondLst>
                                    <p:cond delay="0"/>
                                  </p:stCondLst>
                                  <p:childTnLst>
                                    <p:set>
                                      <p:cBhvr>
                                        <p:cTn id="15" dur="1" fill="hold">
                                          <p:stCondLst>
                                            <p:cond delay="0"/>
                                          </p:stCondLst>
                                        </p:cTn>
                                        <p:tgtEl>
                                          <p:spTgt spid="7">
                                            <p:txEl>
                                              <p:pRg st="0" end="0"/>
                                            </p:txEl>
                                          </p:spTgt>
                                        </p:tgtEl>
                                        <p:attrNameLst>
                                          <p:attrName>style.visibility</p:attrName>
                                        </p:attrNameLst>
                                      </p:cBhvr>
                                      <p:to>
                                        <p:strVal val="visible"/>
                                      </p:to>
                                    </p:set>
                                    <p:animEffect transition="in" filter="wipe(down)">
                                      <p:cBhvr>
                                        <p:cTn id="16" dur="5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7" grpId="0" build="p">
        <p:tmplLst>
          <p:tmpl lvl="1">
            <p:tnLst>
              <p:par>
                <p:cTn presetID="22" presetClass="entr" presetSubtype="4" fill="hold" nodeType="withEffect">
                  <p:stCondLst>
                    <p:cond delay="0"/>
                  </p:stCondLst>
                  <p:childTnLst>
                    <p:set>
                      <p:cBhvr>
                        <p:cTn dur="1" fill="hold">
                          <p:stCondLst>
                            <p:cond delay="0"/>
                          </p:stCondLst>
                        </p:cTn>
                        <p:tgtEl>
                          <p:spTgt spid="7"/>
                        </p:tgtEl>
                        <p:attrNameLst>
                          <p:attrName>style.visibility</p:attrName>
                        </p:attrNameLst>
                      </p:cBhvr>
                      <p:to>
                        <p:strVal val="visible"/>
                      </p:to>
                    </p:set>
                    <p:animEffect transition="in" filter="wipe(down)">
                      <p:cBhvr>
                        <p:cTn dur="500"/>
                        <p:tgtEl>
                          <p:spTgt spid="7"/>
                        </p:tgtEl>
                      </p:cBhvr>
                    </p:animEffect>
                  </p:childTnLst>
                </p:cTn>
              </p:par>
            </p:tnLst>
          </p:tmpl>
        </p:tmplLst>
      </p:bldP>
    </p:bldLst>
  </p:timing>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ection Break Title orange">
    <p:bg>
      <p:bgPr>
        <a:solidFill>
          <a:schemeClr val="accent1"/>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4B074C55-DA8E-4B68-6F89-2B72EDE5C898}"/>
              </a:ext>
            </a:extLst>
          </p:cNvPr>
          <p:cNvSpPr/>
          <p:nvPr userDrawn="1"/>
        </p:nvSpPr>
        <p:spPr>
          <a:xfrm>
            <a:off x="101600" y="6553245"/>
            <a:ext cx="721360" cy="304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pic>
        <p:nvPicPr>
          <p:cNvPr id="6" name="Graphic 5">
            <a:extLst>
              <a:ext uri="{FF2B5EF4-FFF2-40B4-BE49-F238E27FC236}">
                <a16:creationId xmlns:a16="http://schemas.microsoft.com/office/drawing/2014/main" id="{D2117575-1AAE-9278-3208-D40D98C31867}"/>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125"/>
          <a:stretch/>
        </p:blipFill>
        <p:spPr>
          <a:xfrm rot="10800000">
            <a:off x="5430176" y="1936417"/>
            <a:ext cx="5548321" cy="5230501"/>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9" name="Title 1">
            <a:extLst>
              <a:ext uri="{FF2B5EF4-FFF2-40B4-BE49-F238E27FC236}">
                <a16:creationId xmlns:a16="http://schemas.microsoft.com/office/drawing/2014/main" id="{86DBA7AC-600C-63B2-C2BA-F7BCF2E2DE83}"/>
              </a:ext>
            </a:extLst>
          </p:cNvPr>
          <p:cNvSpPr>
            <a:spLocks noGrp="1"/>
          </p:cNvSpPr>
          <p:nvPr>
            <p:ph type="title" hasCustomPrompt="1"/>
          </p:nvPr>
        </p:nvSpPr>
        <p:spPr>
          <a:xfrm>
            <a:off x="679141" y="902750"/>
            <a:ext cx="7355841" cy="2806705"/>
          </a:xfrm>
          <a:prstGeom prst="rect">
            <a:avLst/>
          </a:prstGeom>
        </p:spPr>
        <p:txBody>
          <a:bodyPr anchor="b" anchorCtr="0"/>
          <a:lstStyle>
            <a:lvl1pPr algn="l">
              <a:lnSpc>
                <a:spcPct val="85000"/>
              </a:lnSpc>
              <a:defRPr sz="6000" b="0" i="0" spc="-100" baseline="0">
                <a:solidFill>
                  <a:schemeClr val="bg1"/>
                </a:solidFill>
                <a:latin typeface="Messina Modern Book" pitchFamily="50" charset="0"/>
              </a:defRPr>
            </a:lvl1pPr>
          </a:lstStyle>
          <a:p>
            <a:r>
              <a:rPr lang="en-US" noProof="0"/>
              <a:t>Click to insert section title</a:t>
            </a:r>
            <a:endParaRPr lang="en-GB" noProof="0"/>
          </a:p>
        </p:txBody>
      </p:sp>
      <p:sp>
        <p:nvSpPr>
          <p:cNvPr id="10" name="Text Placeholder 72">
            <a:extLst>
              <a:ext uri="{FF2B5EF4-FFF2-40B4-BE49-F238E27FC236}">
                <a16:creationId xmlns:a16="http://schemas.microsoft.com/office/drawing/2014/main" id="{C10B6C09-118D-8683-AB10-5A06BFF16E45}"/>
              </a:ext>
            </a:extLst>
          </p:cNvPr>
          <p:cNvSpPr>
            <a:spLocks noGrp="1"/>
          </p:cNvSpPr>
          <p:nvPr>
            <p:ph type="body" sz="quarter" idx="14" hasCustomPrompt="1"/>
          </p:nvPr>
        </p:nvSpPr>
        <p:spPr>
          <a:xfrm>
            <a:off x="698549" y="4002069"/>
            <a:ext cx="8069938" cy="1778883"/>
          </a:xfrm>
          <a:prstGeom prst="rect">
            <a:avLst/>
          </a:prstGeom>
        </p:spPr>
        <p:txBody>
          <a:bodyPr lIns="0" tIns="0" rIns="0" bIns="0">
            <a:noAutofit/>
          </a:bodyPr>
          <a:lstStyle>
            <a:lvl1pPr marL="0" indent="0" algn="l">
              <a:buNone/>
              <a:defRPr sz="2400" b="0" i="0" spc="-50" baseline="0">
                <a:solidFill>
                  <a:schemeClr val="bg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sp>
        <p:nvSpPr>
          <p:cNvPr id="4" name="Text Placeholder 3">
            <a:extLst>
              <a:ext uri="{FF2B5EF4-FFF2-40B4-BE49-F238E27FC236}">
                <a16:creationId xmlns:a16="http://schemas.microsoft.com/office/drawing/2014/main" id="{61C75A99-E3A9-7A51-1DB3-50793DEA3B1D}"/>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accent4"/>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28228D9C-8C46-3E64-081E-2CD18776F52E}"/>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0306F958-46CE-9A86-630D-B06207B394FE}"/>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5" name="Freeform: Shape 19">
            <a:extLst>
              <a:ext uri="{FF2B5EF4-FFF2-40B4-BE49-F238E27FC236}">
                <a16:creationId xmlns:a16="http://schemas.microsoft.com/office/drawing/2014/main" id="{D8471030-33C6-1AE9-85DC-DEAC4008931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accent4"/>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8778912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6"/>
                                        </p:tgtEl>
                                        <p:attrNameLst>
                                          <p:attrName>r</p:attrName>
                                        </p:attrNameLst>
                                      </p:cBhvr>
                                    </p:animRot>
                                    <p:animRot by="-240000">
                                      <p:cBhvr>
                                        <p:cTn id="7" dur="600" fill="hold">
                                          <p:stCondLst>
                                            <p:cond delay="600"/>
                                          </p:stCondLst>
                                        </p:cTn>
                                        <p:tgtEl>
                                          <p:spTgt spid="6"/>
                                        </p:tgtEl>
                                        <p:attrNameLst>
                                          <p:attrName>r</p:attrName>
                                        </p:attrNameLst>
                                      </p:cBhvr>
                                    </p:animRot>
                                    <p:animRot by="240000">
                                      <p:cBhvr>
                                        <p:cTn id="8" dur="600" fill="hold">
                                          <p:stCondLst>
                                            <p:cond delay="1200"/>
                                          </p:stCondLst>
                                        </p:cTn>
                                        <p:tgtEl>
                                          <p:spTgt spid="6"/>
                                        </p:tgtEl>
                                        <p:attrNameLst>
                                          <p:attrName>r</p:attrName>
                                        </p:attrNameLst>
                                      </p:cBhvr>
                                    </p:animRot>
                                    <p:animRot by="-240000">
                                      <p:cBhvr>
                                        <p:cTn id="9" dur="600" fill="hold">
                                          <p:stCondLst>
                                            <p:cond delay="1800"/>
                                          </p:stCondLst>
                                        </p:cTn>
                                        <p:tgtEl>
                                          <p:spTgt spid="6"/>
                                        </p:tgtEl>
                                        <p:attrNameLst>
                                          <p:attrName>r</p:attrName>
                                        </p:attrNameLst>
                                      </p:cBhvr>
                                    </p:animRot>
                                    <p:animRot by="120000">
                                      <p:cBhvr>
                                        <p:cTn id="10" dur="600" fill="hold">
                                          <p:stCondLst>
                                            <p:cond delay="2400"/>
                                          </p:stCondLst>
                                        </p:cTn>
                                        <p:tgtEl>
                                          <p:spTgt spid="6"/>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9"/>
                                        </p:tgtEl>
                                        <p:attrNameLst>
                                          <p:attrName>style.visibility</p:attrName>
                                        </p:attrNameLst>
                                      </p:cBhvr>
                                      <p:to>
                                        <p:strVal val="visible"/>
                                      </p:to>
                                    </p:set>
                                    <p:animEffect transition="in" filter="wipe(down)">
                                      <p:cBhvr>
                                        <p:cTn id="13" dur="500"/>
                                        <p:tgtEl>
                                          <p:spTgt spid="9"/>
                                        </p:tgtEl>
                                      </p:cBhvr>
                                    </p:animEffect>
                                  </p:childTnLst>
                                </p:cTn>
                              </p:par>
                              <p:par>
                                <p:cTn id="14" presetID="22" presetClass="entr" presetSubtype="4" fill="hold" grpId="0" nodeType="withEffect">
                                  <p:stCondLst>
                                    <p:cond delay="0"/>
                                  </p:stCondLst>
                                  <p:childTnLst>
                                    <p:set>
                                      <p:cBhvr>
                                        <p:cTn id="15" dur="1" fill="hold">
                                          <p:stCondLst>
                                            <p:cond delay="0"/>
                                          </p:stCondLst>
                                        </p:cTn>
                                        <p:tgtEl>
                                          <p:spTgt spid="10">
                                            <p:txEl>
                                              <p:pRg st="0" end="0"/>
                                            </p:txEl>
                                          </p:spTgt>
                                        </p:tgtEl>
                                        <p:attrNameLst>
                                          <p:attrName>style.visibility</p:attrName>
                                        </p:attrNameLst>
                                      </p:cBhvr>
                                      <p:to>
                                        <p:strVal val="visible"/>
                                      </p:to>
                                    </p:set>
                                    <p:animEffect transition="in" filter="wipe(down)">
                                      <p:cBhvr>
                                        <p:cTn id="16" dur="500"/>
                                        <p:tgtEl>
                                          <p:spTgt spid="10">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P spid="10" grpId="0" build="p">
        <p:tmplLst>
          <p:tmpl lvl="1">
            <p:tnLst>
              <p:par>
                <p:cTn presetID="22" presetClass="entr" presetSubtype="4" fill="hold" nodeType="withEffect">
                  <p:stCondLst>
                    <p:cond delay="0"/>
                  </p:stCondLst>
                  <p:childTnLst>
                    <p:set>
                      <p:cBhvr>
                        <p:cTn dur="1" fill="hold">
                          <p:stCondLst>
                            <p:cond delay="0"/>
                          </p:stCondLst>
                        </p:cTn>
                        <p:tgtEl>
                          <p:spTgt spid="10"/>
                        </p:tgtEl>
                        <p:attrNameLst>
                          <p:attrName>style.visibility</p:attrName>
                        </p:attrNameLst>
                      </p:cBhvr>
                      <p:to>
                        <p:strVal val="visible"/>
                      </p:to>
                    </p:set>
                    <p:animEffect transition="in" filter="wipe(down)">
                      <p:cBhvr>
                        <p:cTn dur="500"/>
                        <p:tgtEl>
                          <p:spTgt spid="10"/>
                        </p:tgtEl>
                      </p:cBhvr>
                    </p:animEffect>
                  </p:childTnLst>
                </p:cTn>
              </p:par>
            </p:tnLst>
          </p:tmpl>
        </p:tmplLst>
      </p:bldP>
    </p:bldLst>
  </p:timing>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ction Break Title digital blue">
    <p:bg>
      <p:bgPr>
        <a:solidFill>
          <a:schemeClr val="accent2"/>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8345CF01-54FF-70F9-2152-94A43BC13208}"/>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4681586">
            <a:off x="927722" y="999395"/>
            <a:ext cx="3832707" cy="4074577"/>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5" name="Title 1">
            <a:extLst>
              <a:ext uri="{FF2B5EF4-FFF2-40B4-BE49-F238E27FC236}">
                <a16:creationId xmlns:a16="http://schemas.microsoft.com/office/drawing/2014/main" id="{C6B956B7-C048-03E5-D14D-B648F1D8884A}"/>
              </a:ext>
            </a:extLst>
          </p:cNvPr>
          <p:cNvSpPr>
            <a:spLocks noGrp="1"/>
          </p:cNvSpPr>
          <p:nvPr>
            <p:ph type="title" hasCustomPrompt="1"/>
          </p:nvPr>
        </p:nvSpPr>
        <p:spPr>
          <a:xfrm>
            <a:off x="679141" y="739366"/>
            <a:ext cx="7355841" cy="2970089"/>
          </a:xfrm>
          <a:prstGeom prst="rect">
            <a:avLst/>
          </a:prstGeom>
        </p:spPr>
        <p:txBody>
          <a:bodyPr anchor="b" anchorCtr="0"/>
          <a:lstStyle>
            <a:lvl1pPr algn="l">
              <a:lnSpc>
                <a:spcPct val="85000"/>
              </a:lnSpc>
              <a:defRPr sz="6000" b="0" i="0" spc="-100" baseline="0">
                <a:solidFill>
                  <a:schemeClr val="bg1"/>
                </a:solidFill>
                <a:latin typeface="Messina Modern Book" pitchFamily="50" charset="0"/>
              </a:defRPr>
            </a:lvl1pPr>
          </a:lstStyle>
          <a:p>
            <a:r>
              <a:rPr lang="en-US" noProof="0"/>
              <a:t>Click to insert section title</a:t>
            </a:r>
            <a:endParaRPr lang="en-GB" noProof="0"/>
          </a:p>
        </p:txBody>
      </p:sp>
      <p:sp>
        <p:nvSpPr>
          <p:cNvPr id="6" name="Text Placeholder 72">
            <a:extLst>
              <a:ext uri="{FF2B5EF4-FFF2-40B4-BE49-F238E27FC236}">
                <a16:creationId xmlns:a16="http://schemas.microsoft.com/office/drawing/2014/main" id="{C0C78889-6C9E-C16B-5B5A-CB07107DF5D1}"/>
              </a:ext>
            </a:extLst>
          </p:cNvPr>
          <p:cNvSpPr>
            <a:spLocks noGrp="1"/>
          </p:cNvSpPr>
          <p:nvPr>
            <p:ph type="body" sz="quarter" idx="14" hasCustomPrompt="1"/>
          </p:nvPr>
        </p:nvSpPr>
        <p:spPr>
          <a:xfrm>
            <a:off x="698549" y="4002069"/>
            <a:ext cx="8069938" cy="1778883"/>
          </a:xfrm>
          <a:prstGeom prst="rect">
            <a:avLst/>
          </a:prstGeom>
        </p:spPr>
        <p:txBody>
          <a:bodyPr lIns="0" tIns="0" rIns="0" bIns="0">
            <a:noAutofit/>
          </a:bodyPr>
          <a:lstStyle>
            <a:lvl1pPr marL="0" indent="0" algn="l">
              <a:buNone/>
              <a:defRPr sz="2400" b="0" i="0" spc="-50" baseline="0">
                <a:solidFill>
                  <a:schemeClr val="bg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sp>
        <p:nvSpPr>
          <p:cNvPr id="7" name="Text Placeholder 3">
            <a:extLst>
              <a:ext uri="{FF2B5EF4-FFF2-40B4-BE49-F238E27FC236}">
                <a16:creationId xmlns:a16="http://schemas.microsoft.com/office/drawing/2014/main" id="{3B28F522-CBE1-3A6F-E5E2-C873F6AFD3C6}"/>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92B1B8"/>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DBFC3CB3-CD47-81A3-66FB-5E7BAB6A15EF}"/>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544EFE6D-194A-F921-D609-1EEA2BD0206F}"/>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50F16086-A182-4780-8856-DB66DD4AB541}"/>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8300"/>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17028597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3"/>
                                        </p:tgtEl>
                                        <p:attrNameLst>
                                          <p:attrName>r</p:attrName>
                                        </p:attrNameLst>
                                      </p:cBhvr>
                                    </p:animRot>
                                    <p:animRot by="-240000">
                                      <p:cBhvr>
                                        <p:cTn id="7" dur="600" fill="hold">
                                          <p:stCondLst>
                                            <p:cond delay="600"/>
                                          </p:stCondLst>
                                        </p:cTn>
                                        <p:tgtEl>
                                          <p:spTgt spid="3"/>
                                        </p:tgtEl>
                                        <p:attrNameLst>
                                          <p:attrName>r</p:attrName>
                                        </p:attrNameLst>
                                      </p:cBhvr>
                                    </p:animRot>
                                    <p:animRot by="240000">
                                      <p:cBhvr>
                                        <p:cTn id="8" dur="600" fill="hold">
                                          <p:stCondLst>
                                            <p:cond delay="1200"/>
                                          </p:stCondLst>
                                        </p:cTn>
                                        <p:tgtEl>
                                          <p:spTgt spid="3"/>
                                        </p:tgtEl>
                                        <p:attrNameLst>
                                          <p:attrName>r</p:attrName>
                                        </p:attrNameLst>
                                      </p:cBhvr>
                                    </p:animRot>
                                    <p:animRot by="-240000">
                                      <p:cBhvr>
                                        <p:cTn id="9" dur="600" fill="hold">
                                          <p:stCondLst>
                                            <p:cond delay="1800"/>
                                          </p:stCondLst>
                                        </p:cTn>
                                        <p:tgtEl>
                                          <p:spTgt spid="3"/>
                                        </p:tgtEl>
                                        <p:attrNameLst>
                                          <p:attrName>r</p:attrName>
                                        </p:attrNameLst>
                                      </p:cBhvr>
                                    </p:animRot>
                                    <p:animRot by="120000">
                                      <p:cBhvr>
                                        <p:cTn id="10" dur="600" fill="hold">
                                          <p:stCondLst>
                                            <p:cond delay="2400"/>
                                          </p:stCondLst>
                                        </p:cTn>
                                        <p:tgtEl>
                                          <p:spTgt spid="3"/>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5"/>
                                        </p:tgtEl>
                                        <p:attrNameLst>
                                          <p:attrName>style.visibility</p:attrName>
                                        </p:attrNameLst>
                                      </p:cBhvr>
                                      <p:to>
                                        <p:strVal val="visible"/>
                                      </p:to>
                                    </p:set>
                                    <p:animEffect transition="in" filter="wipe(down)">
                                      <p:cBhvr>
                                        <p:cTn id="13" dur="500"/>
                                        <p:tgtEl>
                                          <p:spTgt spid="5"/>
                                        </p:tgtEl>
                                      </p:cBhvr>
                                    </p:animEffect>
                                  </p:childTnLst>
                                </p:cTn>
                              </p:par>
                              <p:par>
                                <p:cTn id="14" presetID="22" presetClass="entr" presetSubtype="4" fill="hold" grpId="0" nodeType="withEffect">
                                  <p:stCondLst>
                                    <p:cond delay="0"/>
                                  </p:stCondLst>
                                  <p:childTnLst>
                                    <p:set>
                                      <p:cBhvr>
                                        <p:cTn id="15" dur="1" fill="hold">
                                          <p:stCondLst>
                                            <p:cond delay="0"/>
                                          </p:stCondLst>
                                        </p:cTn>
                                        <p:tgtEl>
                                          <p:spTgt spid="6">
                                            <p:txEl>
                                              <p:pRg st="0" end="0"/>
                                            </p:txEl>
                                          </p:spTgt>
                                        </p:tgtEl>
                                        <p:attrNameLst>
                                          <p:attrName>style.visibility</p:attrName>
                                        </p:attrNameLst>
                                      </p:cBhvr>
                                      <p:to>
                                        <p:strVal val="visible"/>
                                      </p:to>
                                    </p:set>
                                    <p:animEffect transition="in" filter="wipe(down)">
                                      <p:cBhvr>
                                        <p:cTn id="16" dur="5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500"/>
                        <p:tgtEl>
                          <p:spTgt spid="6"/>
                        </p:tgtEl>
                      </p:cBhvr>
                    </p:animEffect>
                  </p:childTnLst>
                </p:cTn>
              </p:par>
            </p:tnLst>
          </p:tmpl>
        </p:tmplLst>
      </p:bldP>
    </p:bldLst>
  </p:timing>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slide circle picture dark">
    <p:bg>
      <p:bgPr>
        <a:solidFill>
          <a:schemeClr val="tx1"/>
        </a:solidFill>
        <a:effectLst/>
      </p:bgPr>
    </p:bg>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AEEB825D-0E6B-A477-9E11-52914F18339B}"/>
              </a:ext>
            </a:extLst>
          </p:cNvPr>
          <p:cNvSpPr>
            <a:spLocks noGrp="1"/>
          </p:cNvSpPr>
          <p:nvPr>
            <p:ph type="pic" sz="quarter" idx="16" hasCustomPrompt="1"/>
          </p:nvPr>
        </p:nvSpPr>
        <p:spPr>
          <a:xfrm>
            <a:off x="4752420" y="668261"/>
            <a:ext cx="6486911" cy="5507016"/>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anchor="ctr"/>
          <a:lstStyle>
            <a:lvl1pPr marL="0" indent="0" algn="ctr">
              <a:buNone/>
              <a:defRPr/>
            </a:lvl1pPr>
          </a:lstStyle>
          <a:p>
            <a:r>
              <a:rPr lang="en-GB"/>
              <a:t>I</a:t>
            </a:r>
            <a:r>
              <a:rPr lang="en-FI"/>
              <a:t>nsert image</a:t>
            </a:r>
          </a:p>
          <a:p>
            <a:endParaRPr lang="en-FI"/>
          </a:p>
        </p:txBody>
      </p:sp>
      <p:sp>
        <p:nvSpPr>
          <p:cNvPr id="3" name="Title 2">
            <a:extLst>
              <a:ext uri="{FF2B5EF4-FFF2-40B4-BE49-F238E27FC236}">
                <a16:creationId xmlns:a16="http://schemas.microsoft.com/office/drawing/2014/main" id="{85E131F3-7BDE-0A47-6F4B-04833C6765CA}"/>
              </a:ext>
            </a:extLst>
          </p:cNvPr>
          <p:cNvSpPr>
            <a:spLocks noGrp="1"/>
          </p:cNvSpPr>
          <p:nvPr>
            <p:ph type="title" hasCustomPrompt="1"/>
          </p:nvPr>
        </p:nvSpPr>
        <p:spPr>
          <a:xfrm>
            <a:off x="675005" y="1442148"/>
            <a:ext cx="5664835" cy="3073839"/>
          </a:xfrm>
        </p:spPr>
        <p:txBody>
          <a:bodyPr/>
          <a:lstStyle>
            <a:lvl1pPr>
              <a:defRPr sz="6000" b="0" i="0">
                <a:solidFill>
                  <a:schemeClr val="bg1"/>
                </a:solidFill>
                <a:latin typeface="Messina Modern Book" pitchFamily="2" charset="77"/>
              </a:defRPr>
            </a:lvl1pPr>
          </a:lstStyle>
          <a:p>
            <a:r>
              <a:rPr lang="en-GB"/>
              <a:t>Insert presentation title</a:t>
            </a:r>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15988"/>
            <a:ext cx="4057095" cy="1000095"/>
          </a:xfrm>
          <a:prstGeom prst="rect">
            <a:avLst/>
          </a:prstGeom>
        </p:spPr>
        <p:txBody>
          <a:bodyPr lIns="0" rIns="0">
            <a:noAutofit/>
          </a:bodyPr>
          <a:lstStyle>
            <a:lvl1pPr marL="0" indent="0" algn="l">
              <a:buNone/>
              <a:defRPr sz="1800" b="0" i="0" spc="-50" baseline="0">
                <a:solidFill>
                  <a:schemeClr val="bg2"/>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ADA5621D-AAF1-4B94-093B-674319AD22F3}"/>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bg2"/>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96106571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 calcmode="lin" valueType="num">
                                      <p:cBhvr additive="base">
                                        <p:cTn id="7" dur="400" fill="hold"/>
                                        <p:tgtEl>
                                          <p:spTgt spid="8"/>
                                        </p:tgtEl>
                                        <p:attrNameLst>
                                          <p:attrName>ppt_x</p:attrName>
                                        </p:attrNameLst>
                                      </p:cBhvr>
                                      <p:tavLst>
                                        <p:tav tm="0">
                                          <p:val>
                                            <p:strVal val="#ppt_x"/>
                                          </p:val>
                                        </p:tav>
                                        <p:tav tm="100000">
                                          <p:val>
                                            <p:strVal val="#ppt_x"/>
                                          </p:val>
                                        </p:tav>
                                      </p:tavLst>
                                    </p:anim>
                                    <p:anim calcmode="lin" valueType="num">
                                      <p:cBhvr additive="base">
                                        <p:cTn id="8" dur="400" fill="hold"/>
                                        <p:tgtEl>
                                          <p:spTgt spid="8"/>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ction Break Title white">
    <p:bg>
      <p:bgPr>
        <a:solidFill>
          <a:schemeClr val="bg1"/>
        </a:solidFill>
        <a:effectLst/>
      </p:bgPr>
    </p:bg>
    <p:spTree>
      <p:nvGrpSpPr>
        <p:cNvPr id="1" name=""/>
        <p:cNvGrpSpPr/>
        <p:nvPr/>
      </p:nvGrpSpPr>
      <p:grpSpPr>
        <a:xfrm>
          <a:off x="0" y="0"/>
          <a:ext cx="0" cy="0"/>
          <a:chOff x="0" y="0"/>
          <a:chExt cx="0" cy="0"/>
        </a:xfrm>
      </p:grpSpPr>
      <p:pic>
        <p:nvPicPr>
          <p:cNvPr id="14" name="Graphic 13">
            <a:extLst>
              <a:ext uri="{FF2B5EF4-FFF2-40B4-BE49-F238E27FC236}">
                <a16:creationId xmlns:a16="http://schemas.microsoft.com/office/drawing/2014/main" id="{5D8AF9C9-1EC7-7CD0-85A9-116D8403DA9E}"/>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120"/>
          <a:stretch/>
        </p:blipFill>
        <p:spPr>
          <a:xfrm>
            <a:off x="4701210" y="-564543"/>
            <a:ext cx="6360462" cy="6428629"/>
          </a:xfrm>
          <a:custGeom>
            <a:avLst/>
            <a:gdLst>
              <a:gd name="connsiteX0" fmla="*/ 0 w 6360462"/>
              <a:gd name="connsiteY0" fmla="*/ 0 h 6428629"/>
              <a:gd name="connsiteX1" fmla="*/ 1211575 w 6360462"/>
              <a:gd name="connsiteY1" fmla="*/ 0 h 6428629"/>
              <a:gd name="connsiteX2" fmla="*/ 1211575 w 6360462"/>
              <a:gd name="connsiteY2" fmla="*/ 564543 h 6428629"/>
              <a:gd name="connsiteX3" fmla="*/ 5178457 w 6360462"/>
              <a:gd name="connsiteY3" fmla="*/ 564543 h 6428629"/>
              <a:gd name="connsiteX4" fmla="*/ 5178457 w 6360462"/>
              <a:gd name="connsiteY4" fmla="*/ 0 h 6428629"/>
              <a:gd name="connsiteX5" fmla="*/ 6360462 w 6360462"/>
              <a:gd name="connsiteY5" fmla="*/ 0 h 6428629"/>
              <a:gd name="connsiteX6" fmla="*/ 6360462 w 6360462"/>
              <a:gd name="connsiteY6" fmla="*/ 6428629 h 6428629"/>
              <a:gd name="connsiteX7" fmla="*/ 0 w 6360462"/>
              <a:gd name="connsiteY7" fmla="*/ 6428629 h 64286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60462" h="6428629">
                <a:moveTo>
                  <a:pt x="0" y="0"/>
                </a:moveTo>
                <a:lnTo>
                  <a:pt x="1211575" y="0"/>
                </a:lnTo>
                <a:lnTo>
                  <a:pt x="1211575" y="564543"/>
                </a:lnTo>
                <a:lnTo>
                  <a:pt x="5178457" y="564543"/>
                </a:lnTo>
                <a:lnTo>
                  <a:pt x="5178457" y="0"/>
                </a:lnTo>
                <a:lnTo>
                  <a:pt x="6360462" y="0"/>
                </a:lnTo>
                <a:lnTo>
                  <a:pt x="6360462" y="6428629"/>
                </a:lnTo>
                <a:lnTo>
                  <a:pt x="0" y="6428629"/>
                </a:lnTo>
                <a:close/>
              </a:path>
            </a:pathLst>
          </a:cu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5" name="Title 1">
            <a:extLst>
              <a:ext uri="{FF2B5EF4-FFF2-40B4-BE49-F238E27FC236}">
                <a16:creationId xmlns:a16="http://schemas.microsoft.com/office/drawing/2014/main" id="{C6B956B7-C048-03E5-D14D-B648F1D8884A}"/>
              </a:ext>
            </a:extLst>
          </p:cNvPr>
          <p:cNvSpPr>
            <a:spLocks noGrp="1"/>
          </p:cNvSpPr>
          <p:nvPr>
            <p:ph type="title" hasCustomPrompt="1"/>
          </p:nvPr>
        </p:nvSpPr>
        <p:spPr>
          <a:xfrm>
            <a:off x="679141" y="739366"/>
            <a:ext cx="7355841" cy="2970089"/>
          </a:xfrm>
          <a:prstGeom prst="rect">
            <a:avLst/>
          </a:prstGeom>
        </p:spPr>
        <p:txBody>
          <a:bodyPr anchor="b" anchorCtr="0"/>
          <a:lstStyle>
            <a:lvl1pPr algn="l">
              <a:lnSpc>
                <a:spcPct val="85000"/>
              </a:lnSpc>
              <a:defRPr sz="6000" b="0" i="0" spc="-100" baseline="0">
                <a:solidFill>
                  <a:schemeClr val="tx1"/>
                </a:solidFill>
                <a:latin typeface="Messina Modern Book" pitchFamily="50" charset="0"/>
              </a:defRPr>
            </a:lvl1pPr>
          </a:lstStyle>
          <a:p>
            <a:r>
              <a:rPr lang="en-US" noProof="0"/>
              <a:t>Click to insert section title</a:t>
            </a:r>
            <a:endParaRPr lang="en-GB" noProof="0"/>
          </a:p>
        </p:txBody>
      </p:sp>
      <p:sp>
        <p:nvSpPr>
          <p:cNvPr id="6" name="Text Placeholder 72">
            <a:extLst>
              <a:ext uri="{FF2B5EF4-FFF2-40B4-BE49-F238E27FC236}">
                <a16:creationId xmlns:a16="http://schemas.microsoft.com/office/drawing/2014/main" id="{C0C78889-6C9E-C16B-5B5A-CB07107DF5D1}"/>
              </a:ext>
            </a:extLst>
          </p:cNvPr>
          <p:cNvSpPr>
            <a:spLocks noGrp="1"/>
          </p:cNvSpPr>
          <p:nvPr>
            <p:ph type="body" sz="quarter" idx="14" hasCustomPrompt="1"/>
          </p:nvPr>
        </p:nvSpPr>
        <p:spPr>
          <a:xfrm>
            <a:off x="690457" y="4002069"/>
            <a:ext cx="8069938" cy="1778883"/>
          </a:xfrm>
          <a:prstGeom prst="rect">
            <a:avLst/>
          </a:prstGeom>
        </p:spPr>
        <p:txBody>
          <a:bodyPr lIns="0" tIns="0" rIns="0" bIns="0">
            <a:noAutofit/>
          </a:bodyPr>
          <a:lstStyle>
            <a:lvl1pPr marL="0" indent="0" algn="l">
              <a:buNone/>
              <a:defRPr sz="2400" b="0" i="0" spc="-50" baseline="0">
                <a:solidFill>
                  <a:schemeClr val="tx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sp>
        <p:nvSpPr>
          <p:cNvPr id="7" name="Text Placeholder 3">
            <a:extLst>
              <a:ext uri="{FF2B5EF4-FFF2-40B4-BE49-F238E27FC236}">
                <a16:creationId xmlns:a16="http://schemas.microsoft.com/office/drawing/2014/main" id="{F658E970-19F7-497E-2C26-CA6F94EFFD32}"/>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92B1B8"/>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AB994EF9-C567-1851-894C-87832E6E127D}"/>
              </a:ext>
            </a:extLst>
          </p:cNvPr>
          <p:cNvSpPr>
            <a:spLocks noGrp="1"/>
          </p:cNvSpPr>
          <p:nvPr>
            <p:ph type="ftr" sz="quarter" idx="15"/>
          </p:nvPr>
        </p:nvSpPr>
        <p:spPr/>
        <p:txBody>
          <a:bodyPr/>
          <a:lstStyle/>
          <a:p>
            <a:r>
              <a:rPr lang="fi-FI"/>
              <a:t>CONFIDENTIAL</a:t>
            </a:r>
          </a:p>
        </p:txBody>
      </p:sp>
      <p:sp>
        <p:nvSpPr>
          <p:cNvPr id="3" name="Slide Number Placeholder 2">
            <a:extLst>
              <a:ext uri="{FF2B5EF4-FFF2-40B4-BE49-F238E27FC236}">
                <a16:creationId xmlns:a16="http://schemas.microsoft.com/office/drawing/2014/main" id="{2AEBEB4B-A6CC-AEF1-51E4-34F13E061EF3}"/>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A977B46D-D555-A687-3ECB-C17E1FFA354A}"/>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3774182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with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wipe(down)">
                                      <p:cBhvr>
                                        <p:cTn id="7" dur="500"/>
                                        <p:tgtEl>
                                          <p:spTgt spid="5"/>
                                        </p:tgtEl>
                                      </p:cBhvr>
                                    </p:animEffect>
                                  </p:childTnLst>
                                </p:cTn>
                              </p:par>
                              <p:par>
                                <p:cTn id="8" presetID="22" presetClass="entr" presetSubtype="4" fill="hold" grpId="0" nodeType="withEffect">
                                  <p:stCondLst>
                                    <p:cond delay="0"/>
                                  </p:stCondLst>
                                  <p:childTnLst>
                                    <p:set>
                                      <p:cBhvr>
                                        <p:cTn id="9" dur="1" fill="hold">
                                          <p:stCondLst>
                                            <p:cond delay="0"/>
                                          </p:stCondLst>
                                        </p:cTn>
                                        <p:tgtEl>
                                          <p:spTgt spid="6">
                                            <p:txEl>
                                              <p:pRg st="0" end="0"/>
                                            </p:txEl>
                                          </p:spTgt>
                                        </p:tgtEl>
                                        <p:attrNameLst>
                                          <p:attrName>style.visibility</p:attrName>
                                        </p:attrNameLst>
                                      </p:cBhvr>
                                      <p:to>
                                        <p:strVal val="visible"/>
                                      </p:to>
                                    </p:set>
                                    <p:animEffect transition="in" filter="wipe(down)">
                                      <p:cBhvr>
                                        <p:cTn id="10" dur="5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500"/>
                        <p:tgtEl>
                          <p:spTgt spid="6"/>
                        </p:tgtEl>
                      </p:cBhvr>
                    </p:animEffect>
                  </p:childTnLst>
                </p:cTn>
              </p:par>
            </p:tnLst>
          </p:tmpl>
        </p:tmplLst>
      </p:bldP>
    </p:bldLst>
  </p:timing>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ighlight / quote grey">
    <p:bg>
      <p:bgPr>
        <a:solidFill>
          <a:schemeClr val="tx2"/>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556675">
            <a:off x="7911456" y="4509491"/>
            <a:ext cx="2897629" cy="2551760"/>
          </a:xfrm>
          <a:prstGeom prst="rect">
            <a:avLst/>
          </a:prstGeom>
        </p:spPr>
      </p:pic>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bg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4" name="Text Placeholder 3">
            <a:extLst>
              <a:ext uri="{FF2B5EF4-FFF2-40B4-BE49-F238E27FC236}">
                <a16:creationId xmlns:a16="http://schemas.microsoft.com/office/drawing/2014/main" id="{EE180229-46F3-8DA8-D554-0B18CC677632}"/>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92B1B8"/>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D44E12D1-F8CC-5FD5-0145-73699BB70ADD}"/>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89EA3A73-4BBB-F86E-B571-FF34F51EFF3A}"/>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6" name="Freeform: Shape 19">
            <a:extLst>
              <a:ext uri="{FF2B5EF4-FFF2-40B4-BE49-F238E27FC236}">
                <a16:creationId xmlns:a16="http://schemas.microsoft.com/office/drawing/2014/main" id="{D91EAE5D-6511-5CAA-05B5-6F06BF4B7DFA}"/>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036936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7">
                                            <p:txEl>
                                              <p:pRg st="0" end="0"/>
                                            </p:txEl>
                                          </p:spTgt>
                                        </p:tgtEl>
                                        <p:attrNameLst>
                                          <p:attrName>style.visibility</p:attrName>
                                        </p:attrNameLst>
                                      </p:cBhvr>
                                      <p:to>
                                        <p:strVal val="visible"/>
                                      </p:to>
                                    </p:set>
                                    <p:animEffect transition="in" filter="wipe(down)">
                                      <p:cBhvr>
                                        <p:cTn id="13" dur="3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p">
        <p:tmplLst>
          <p:tmpl lvl="1">
            <p:tnLst>
              <p:par>
                <p:cTn presetID="22" presetClass="entr" presetSubtype="4" fill="hold" nodeType="withEffect">
                  <p:stCondLst>
                    <p:cond delay="0"/>
                  </p:stCondLst>
                  <p:childTnLst>
                    <p:set>
                      <p:cBhvr>
                        <p:cTn dur="1" fill="hold">
                          <p:stCondLst>
                            <p:cond delay="0"/>
                          </p:stCondLst>
                        </p:cTn>
                        <p:tgtEl>
                          <p:spTgt spid="7"/>
                        </p:tgtEl>
                        <p:attrNameLst>
                          <p:attrName>style.visibility</p:attrName>
                        </p:attrNameLst>
                      </p:cBhvr>
                      <p:to>
                        <p:strVal val="visible"/>
                      </p:to>
                    </p:set>
                    <p:animEffect transition="in" filter="wipe(down)">
                      <p:cBhvr>
                        <p:cTn dur="300"/>
                        <p:tgtEl>
                          <p:spTgt spid="7"/>
                        </p:tgtEl>
                      </p:cBhvr>
                    </p:animEffect>
                  </p:childTnLst>
                </p:cTn>
              </p:par>
            </p:tnLst>
          </p:tmpl>
        </p:tmplLst>
      </p:bldP>
    </p:bldLst>
  </p:timing>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ighlight / quote salmon">
    <p:bg>
      <p:bgPr>
        <a:solidFill>
          <a:schemeClr val="accent4"/>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8345CF01-54FF-70F9-2152-94A43BC13208}"/>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4681586">
            <a:off x="469471" y="620713"/>
            <a:ext cx="3832707" cy="4074577"/>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6" name="Text Placeholder 72">
            <a:extLst>
              <a:ext uri="{FF2B5EF4-FFF2-40B4-BE49-F238E27FC236}">
                <a16:creationId xmlns:a16="http://schemas.microsoft.com/office/drawing/2014/main" id="{CF89234D-9B2F-0C05-7372-971512CFC7A0}"/>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5" name="Text Placeholder 3">
            <a:extLst>
              <a:ext uri="{FF2B5EF4-FFF2-40B4-BE49-F238E27FC236}">
                <a16:creationId xmlns:a16="http://schemas.microsoft.com/office/drawing/2014/main" id="{C355CD65-624A-CFDF-202D-0AA7C876C7FA}"/>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accent5"/>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FE6AAC84-D8E4-709E-3887-549A55BC0B92}"/>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E1EAEE0-91B2-134A-2090-2D8D0FB42CB7}"/>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6E817F81-032E-C941-5B75-6086268D5DB7}"/>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54614"/>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41554127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3"/>
                                        </p:tgtEl>
                                        <p:attrNameLst>
                                          <p:attrName>r</p:attrName>
                                        </p:attrNameLst>
                                      </p:cBhvr>
                                    </p:animRot>
                                    <p:animRot by="-240000">
                                      <p:cBhvr>
                                        <p:cTn id="7" dur="600" fill="hold">
                                          <p:stCondLst>
                                            <p:cond delay="600"/>
                                          </p:stCondLst>
                                        </p:cTn>
                                        <p:tgtEl>
                                          <p:spTgt spid="3"/>
                                        </p:tgtEl>
                                        <p:attrNameLst>
                                          <p:attrName>r</p:attrName>
                                        </p:attrNameLst>
                                      </p:cBhvr>
                                    </p:animRot>
                                    <p:animRot by="240000">
                                      <p:cBhvr>
                                        <p:cTn id="8" dur="600" fill="hold">
                                          <p:stCondLst>
                                            <p:cond delay="1200"/>
                                          </p:stCondLst>
                                        </p:cTn>
                                        <p:tgtEl>
                                          <p:spTgt spid="3"/>
                                        </p:tgtEl>
                                        <p:attrNameLst>
                                          <p:attrName>r</p:attrName>
                                        </p:attrNameLst>
                                      </p:cBhvr>
                                    </p:animRot>
                                    <p:animRot by="-240000">
                                      <p:cBhvr>
                                        <p:cTn id="9" dur="600" fill="hold">
                                          <p:stCondLst>
                                            <p:cond delay="1800"/>
                                          </p:stCondLst>
                                        </p:cTn>
                                        <p:tgtEl>
                                          <p:spTgt spid="3"/>
                                        </p:tgtEl>
                                        <p:attrNameLst>
                                          <p:attrName>r</p:attrName>
                                        </p:attrNameLst>
                                      </p:cBhvr>
                                    </p:animRot>
                                    <p:animRot by="120000">
                                      <p:cBhvr>
                                        <p:cTn id="10" dur="600" fill="hold">
                                          <p:stCondLst>
                                            <p:cond delay="2400"/>
                                          </p:stCondLst>
                                        </p:cTn>
                                        <p:tgtEl>
                                          <p:spTgt spid="3"/>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6">
                                            <p:txEl>
                                              <p:pRg st="0" end="0"/>
                                            </p:txEl>
                                          </p:spTgt>
                                        </p:tgtEl>
                                        <p:attrNameLst>
                                          <p:attrName>style.visibility</p:attrName>
                                        </p:attrNameLst>
                                      </p:cBhvr>
                                      <p:to>
                                        <p:strVal val="visible"/>
                                      </p:to>
                                    </p:set>
                                    <p:animEffect transition="in" filter="wipe(down)">
                                      <p:cBhvr>
                                        <p:cTn id="13" dur="3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300"/>
                        <p:tgtEl>
                          <p:spTgt spid="6"/>
                        </p:tgtEl>
                      </p:cBhvr>
                    </p:animEffect>
                  </p:childTnLst>
                </p:cTn>
              </p:par>
            </p:tnLst>
          </p:tmpl>
        </p:tmplLst>
      </p:bldP>
    </p:bldLst>
  </p:timing>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ighlight / quote salmon no circle">
    <p:bg>
      <p:bgPr>
        <a:solidFill>
          <a:schemeClr val="accent4"/>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17294" y="215351"/>
            <a:ext cx="262466" cy="289618"/>
          </a:xfrm>
          <a:prstGeom prst="rect">
            <a:avLst/>
          </a:prstGeom>
        </p:spPr>
      </p:pic>
      <p:sp>
        <p:nvSpPr>
          <p:cNvPr id="6" name="Text Placeholder 72">
            <a:extLst>
              <a:ext uri="{FF2B5EF4-FFF2-40B4-BE49-F238E27FC236}">
                <a16:creationId xmlns:a16="http://schemas.microsoft.com/office/drawing/2014/main" id="{CF89234D-9B2F-0C05-7372-971512CFC7A0}"/>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5" name="Text Placeholder 3">
            <a:extLst>
              <a:ext uri="{FF2B5EF4-FFF2-40B4-BE49-F238E27FC236}">
                <a16:creationId xmlns:a16="http://schemas.microsoft.com/office/drawing/2014/main" id="{C355CD65-624A-CFDF-202D-0AA7C876C7FA}"/>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accent5"/>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FE6AAC84-D8E4-709E-3887-549A55BC0B92}"/>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E1EAEE0-91B2-134A-2090-2D8D0FB42CB7}"/>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D6F01E5C-85D0-D22B-A200-1C0A8EBEE0F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54614"/>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21257219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with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animEffect transition="in" filter="wipe(down)">
                                      <p:cBhvr>
                                        <p:cTn id="7" dur="3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300"/>
                        <p:tgtEl>
                          <p:spTgt spid="6"/>
                        </p:tgtEl>
                      </p:cBhvr>
                    </p:animEffect>
                  </p:childTnLst>
                </p:cTn>
              </p:par>
            </p:tnLst>
          </p:tmpl>
        </p:tmplLst>
      </p:bldP>
    </p:bldLst>
  </p:timing>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ighlight / quote ruby">
    <p:bg>
      <p:bgPr>
        <a:solidFill>
          <a:srgbClr val="FF73A4"/>
        </a:solidFill>
        <a:effectLst/>
      </p:bgPr>
    </p:bg>
    <p:spTree>
      <p:nvGrpSpPr>
        <p:cNvPr id="1" name=""/>
        <p:cNvGrpSpPr/>
        <p:nvPr/>
      </p:nvGrpSpPr>
      <p:grpSpPr>
        <a:xfrm>
          <a:off x="0" y="0"/>
          <a:ext cx="0" cy="0"/>
          <a:chOff x="0" y="0"/>
          <a:chExt cx="0" cy="0"/>
        </a:xfrm>
      </p:grpSpPr>
      <p:pic>
        <p:nvPicPr>
          <p:cNvPr id="5" name="Graphic 4">
            <a:extLst>
              <a:ext uri="{FF2B5EF4-FFF2-40B4-BE49-F238E27FC236}">
                <a16:creationId xmlns:a16="http://schemas.microsoft.com/office/drawing/2014/main" id="{7D4DCD2E-2F44-F0DC-31EB-9A3B21A82A44}"/>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069576">
            <a:off x="5955282" y="-147538"/>
            <a:ext cx="3881886" cy="3295474"/>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6" name="Text Placeholder 72">
            <a:extLst>
              <a:ext uri="{FF2B5EF4-FFF2-40B4-BE49-F238E27FC236}">
                <a16:creationId xmlns:a16="http://schemas.microsoft.com/office/drawing/2014/main" id="{5E0377FF-49DA-AD9B-3DBD-61EF7E3B1CF0}"/>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Clr>
                <a:srgbClr val="FFC6DA"/>
              </a:buClr>
              <a:buSzPct val="80000"/>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4" name="Text Placeholder 3">
            <a:extLst>
              <a:ext uri="{FF2B5EF4-FFF2-40B4-BE49-F238E27FC236}">
                <a16:creationId xmlns:a16="http://schemas.microsoft.com/office/drawing/2014/main" id="{0948F888-AFC4-D58D-80C0-5B47F2CA3535}"/>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FFC6DA"/>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0AB3BAD4-65D7-999E-7381-A6867B253CE2}"/>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7167EC4B-79D6-3385-7C8E-CFBAD07D16A4}"/>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DDD6996A-2C21-C065-2C25-17AD4CDF17B3}"/>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54614"/>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920447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5"/>
                                        </p:tgtEl>
                                        <p:attrNameLst>
                                          <p:attrName>r</p:attrName>
                                        </p:attrNameLst>
                                      </p:cBhvr>
                                    </p:animRot>
                                    <p:animRot by="-240000">
                                      <p:cBhvr>
                                        <p:cTn id="7" dur="600" fill="hold">
                                          <p:stCondLst>
                                            <p:cond delay="600"/>
                                          </p:stCondLst>
                                        </p:cTn>
                                        <p:tgtEl>
                                          <p:spTgt spid="5"/>
                                        </p:tgtEl>
                                        <p:attrNameLst>
                                          <p:attrName>r</p:attrName>
                                        </p:attrNameLst>
                                      </p:cBhvr>
                                    </p:animRot>
                                    <p:animRot by="240000">
                                      <p:cBhvr>
                                        <p:cTn id="8" dur="600" fill="hold">
                                          <p:stCondLst>
                                            <p:cond delay="1200"/>
                                          </p:stCondLst>
                                        </p:cTn>
                                        <p:tgtEl>
                                          <p:spTgt spid="5"/>
                                        </p:tgtEl>
                                        <p:attrNameLst>
                                          <p:attrName>r</p:attrName>
                                        </p:attrNameLst>
                                      </p:cBhvr>
                                    </p:animRot>
                                    <p:animRot by="-240000">
                                      <p:cBhvr>
                                        <p:cTn id="9" dur="600" fill="hold">
                                          <p:stCondLst>
                                            <p:cond delay="1800"/>
                                          </p:stCondLst>
                                        </p:cTn>
                                        <p:tgtEl>
                                          <p:spTgt spid="5"/>
                                        </p:tgtEl>
                                        <p:attrNameLst>
                                          <p:attrName>r</p:attrName>
                                        </p:attrNameLst>
                                      </p:cBhvr>
                                    </p:animRot>
                                    <p:animRot by="120000">
                                      <p:cBhvr>
                                        <p:cTn id="10" dur="600" fill="hold">
                                          <p:stCondLst>
                                            <p:cond delay="2400"/>
                                          </p:stCondLst>
                                        </p:cTn>
                                        <p:tgtEl>
                                          <p:spTgt spid="5"/>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6">
                                            <p:txEl>
                                              <p:pRg st="0" end="0"/>
                                            </p:txEl>
                                          </p:spTgt>
                                        </p:tgtEl>
                                        <p:attrNameLst>
                                          <p:attrName>style.visibility</p:attrName>
                                        </p:attrNameLst>
                                      </p:cBhvr>
                                      <p:to>
                                        <p:strVal val="visible"/>
                                      </p:to>
                                    </p:set>
                                    <p:animEffect transition="in" filter="wipe(down)">
                                      <p:cBhvr>
                                        <p:cTn id="13" dur="3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300"/>
                        <p:tgtEl>
                          <p:spTgt spid="6"/>
                        </p:tgtEl>
                      </p:cBhvr>
                    </p:animEffect>
                  </p:childTnLst>
                </p:cTn>
              </p:par>
            </p:tnLst>
          </p:tmpl>
        </p:tmplLst>
      </p:bldP>
    </p:bldLst>
  </p:timing>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olor bg headline + content">
    <p:bg>
      <p:bgPr>
        <a:solidFill>
          <a:schemeClr val="tx2"/>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556675">
            <a:off x="8155877" y="660348"/>
            <a:ext cx="2897629" cy="2551760"/>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4" name="Title 1">
            <a:extLst>
              <a:ext uri="{FF2B5EF4-FFF2-40B4-BE49-F238E27FC236}">
                <a16:creationId xmlns:a16="http://schemas.microsoft.com/office/drawing/2014/main" id="{75C2775C-BFA1-6704-DC68-D937008D7FE8}"/>
              </a:ext>
            </a:extLst>
          </p:cNvPr>
          <p:cNvSpPr>
            <a:spLocks noGrp="1"/>
          </p:cNvSpPr>
          <p:nvPr>
            <p:ph type="title"/>
          </p:nvPr>
        </p:nvSpPr>
        <p:spPr>
          <a:xfrm>
            <a:off x="675005" y="620713"/>
            <a:ext cx="9001125" cy="1080000"/>
          </a:xfrm>
          <a:prstGeom prst="rect">
            <a:avLst/>
          </a:prstGeom>
        </p:spPr>
        <p:txBody>
          <a:bodyPr/>
          <a:lstStyle>
            <a:lvl1pPr>
              <a:defRPr>
                <a:solidFill>
                  <a:schemeClr val="bg1"/>
                </a:solidFill>
              </a:defRPr>
            </a:lvl1pPr>
          </a:lstStyle>
          <a:p>
            <a:r>
              <a:rPr lang="en-GB"/>
              <a:t>Click to edit Master title style</a:t>
            </a:r>
            <a:endParaRPr lang="en-FI"/>
          </a:p>
        </p:txBody>
      </p:sp>
      <p:sp>
        <p:nvSpPr>
          <p:cNvPr id="6" name="Text Placeholder 3">
            <a:extLst>
              <a:ext uri="{FF2B5EF4-FFF2-40B4-BE49-F238E27FC236}">
                <a16:creationId xmlns:a16="http://schemas.microsoft.com/office/drawing/2014/main" id="{EB747F07-584C-44D4-C964-C0D1A3975512}"/>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bg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7" name="Content Placeholder 6">
            <a:extLst>
              <a:ext uri="{FF2B5EF4-FFF2-40B4-BE49-F238E27FC236}">
                <a16:creationId xmlns:a16="http://schemas.microsoft.com/office/drawing/2014/main" id="{F8B5466E-A97B-2DED-F5C6-FE96DB2709AA}"/>
              </a:ext>
            </a:extLst>
          </p:cNvPr>
          <p:cNvSpPr>
            <a:spLocks noGrp="1"/>
          </p:cNvSpPr>
          <p:nvPr>
            <p:ph sz="quarter" idx="1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bg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5" name="Content Placeholder 6">
            <a:extLst>
              <a:ext uri="{FF2B5EF4-FFF2-40B4-BE49-F238E27FC236}">
                <a16:creationId xmlns:a16="http://schemas.microsoft.com/office/drawing/2014/main" id="{068EBEA5-7C2B-7AFA-356B-9BE59C2D5450}"/>
              </a:ext>
            </a:extLst>
          </p:cNvPr>
          <p:cNvSpPr>
            <a:spLocks noGrp="1"/>
          </p:cNvSpPr>
          <p:nvPr>
            <p:ph sz="quarter" idx="10"/>
          </p:nvPr>
        </p:nvSpPr>
        <p:spPr>
          <a:xfrm>
            <a:off x="695325" y="2260600"/>
            <a:ext cx="7200900" cy="3991822"/>
          </a:xfrm>
          <a:prstGeom prst="rect">
            <a:avLst/>
          </a:prstGeom>
        </p:spPr>
        <p:txBody>
          <a:bodyPr lIns="0" tIns="0" rIns="0" bIns="0"/>
          <a:lstStyle>
            <a:lvl1pPr>
              <a:buClr>
                <a:srgbClr val="F7673B"/>
              </a:buClr>
              <a:defRPr b="0" i="0" spc="-30" baseline="0">
                <a:solidFill>
                  <a:schemeClr val="bg1"/>
                </a:solidFill>
                <a:latin typeface="+mn-lt"/>
              </a:defRPr>
            </a:lvl1pPr>
            <a:lvl2pPr marL="317500" indent="-139700">
              <a:buClr>
                <a:srgbClr val="F7673B"/>
              </a:buClr>
              <a:tabLst/>
              <a:defRPr b="0" i="0" spc="-30" baseline="0">
                <a:solidFill>
                  <a:srgbClr val="F0F5F5"/>
                </a:solidFill>
                <a:latin typeface="+mn-lt"/>
              </a:defRPr>
            </a:lvl2pPr>
            <a:lvl3pPr marL="536575" indent="-179388">
              <a:buClr>
                <a:srgbClr val="F7673B"/>
              </a:buClr>
              <a:tabLst/>
              <a:defRPr b="0" i="0" spc="-20" baseline="0">
                <a:solidFill>
                  <a:srgbClr val="F0F5F5"/>
                </a:solidFill>
                <a:latin typeface="+mn-lt"/>
              </a:defRPr>
            </a:lvl3pPr>
            <a:lvl4pPr marL="666750" indent="-130175">
              <a:buClr>
                <a:srgbClr val="F7673B"/>
              </a:buClr>
              <a:tabLst/>
              <a:defRPr b="0" i="0" spc="-10" baseline="0">
                <a:solidFill>
                  <a:srgbClr val="F0F5F5"/>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sp>
        <p:nvSpPr>
          <p:cNvPr id="2" name="Footer Placeholder 1">
            <a:extLst>
              <a:ext uri="{FF2B5EF4-FFF2-40B4-BE49-F238E27FC236}">
                <a16:creationId xmlns:a16="http://schemas.microsoft.com/office/drawing/2014/main" id="{D44E12D1-F8CC-5FD5-0145-73699BB70ADD}"/>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89EA3A73-4BBB-F86E-B571-FF34F51EFF3A}"/>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4C696E55-1125-0D37-EBE1-685BED3D0EAB}"/>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0296372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 highlight/quote, dark bg">
    <p:bg>
      <p:bgPr>
        <a:solidFill>
          <a:schemeClr val="tx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0800000">
            <a:off x="9214369" y="4407290"/>
            <a:ext cx="3374284" cy="2971520"/>
          </a:xfrm>
          <a:prstGeom prst="rect">
            <a:avLst/>
          </a:prstGeom>
        </p:spPr>
      </p:pic>
      <p:sp>
        <p:nvSpPr>
          <p:cNvPr id="3" name="Picture Placeholder 2">
            <a:extLst>
              <a:ext uri="{FF2B5EF4-FFF2-40B4-BE49-F238E27FC236}">
                <a16:creationId xmlns:a16="http://schemas.microsoft.com/office/drawing/2014/main" id="{3614A391-024D-7CA8-3C4C-8A342E7D1F25}"/>
              </a:ext>
            </a:extLst>
          </p:cNvPr>
          <p:cNvSpPr>
            <a:spLocks noGrp="1"/>
          </p:cNvSpPr>
          <p:nvPr>
            <p:ph type="pic" sz="quarter" idx="15" hasCustomPrompt="1"/>
          </p:nvPr>
        </p:nvSpPr>
        <p:spPr>
          <a:xfrm>
            <a:off x="6095999" y="717665"/>
            <a:ext cx="5400675" cy="5519622"/>
          </a:xfrm>
          <a:prstGeom prst="rect">
            <a:avLst/>
          </a:prstGeom>
          <a:solidFill>
            <a:schemeClr val="tx2"/>
          </a:solidFill>
        </p:spPr>
        <p:txBody>
          <a:bodyPr anchor="ctr"/>
          <a:lstStyle>
            <a:lvl1pPr marL="0" indent="0" algn="ctr">
              <a:buNone/>
              <a:defRPr/>
            </a:lvl1pPr>
          </a:lstStyle>
          <a:p>
            <a:r>
              <a:rPr lang="en-GB"/>
              <a:t>I</a:t>
            </a:r>
            <a:r>
              <a:rPr lang="en-FI"/>
              <a:t>nsert image</a:t>
            </a:r>
          </a:p>
          <a:p>
            <a:endParaRPr lang="en-FI"/>
          </a:p>
        </p:txBody>
      </p:sp>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5325" y="945222"/>
            <a:ext cx="6492654"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bg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6" name="Text Placeholder 3">
            <a:extLst>
              <a:ext uri="{FF2B5EF4-FFF2-40B4-BE49-F238E27FC236}">
                <a16:creationId xmlns:a16="http://schemas.microsoft.com/office/drawing/2014/main" id="{AEE549FF-E8FC-53BB-A87C-2B45FC2A6C59}"/>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07887171-6A1D-D68B-3796-101EA645F4AC}"/>
              </a:ext>
            </a:extLst>
          </p:cNvPr>
          <p:cNvSpPr>
            <a:spLocks noGrp="1"/>
          </p:cNvSpPr>
          <p:nvPr>
            <p:ph type="ftr" sz="quarter" idx="16"/>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23A3DB2-BDCB-D02C-0CA3-CBCB64A7D3F4}"/>
              </a:ext>
            </a:extLst>
          </p:cNvPr>
          <p:cNvSpPr>
            <a:spLocks noGrp="1"/>
          </p:cNvSpPr>
          <p:nvPr>
            <p:ph type="sldNum" sz="quarter" idx="17"/>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5" name="Freeform: Shape 19">
            <a:extLst>
              <a:ext uri="{FF2B5EF4-FFF2-40B4-BE49-F238E27FC236}">
                <a16:creationId xmlns:a16="http://schemas.microsoft.com/office/drawing/2014/main" id="{F2A0E64F-DD1C-BDA4-60A8-FE142689AAF6}"/>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9117966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repeatCount="0" fill="hold" nodeType="with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400" fill="hold"/>
                                        <p:tgtEl>
                                          <p:spTgt spid="3"/>
                                        </p:tgtEl>
                                        <p:attrNameLst>
                                          <p:attrName>ppt_x</p:attrName>
                                        </p:attrNameLst>
                                      </p:cBhvr>
                                      <p:tavLst>
                                        <p:tav tm="0">
                                          <p:val>
                                            <p:strVal val="#ppt_x"/>
                                          </p:val>
                                        </p:tav>
                                        <p:tav tm="100000">
                                          <p:val>
                                            <p:strVal val="#ppt_x"/>
                                          </p:val>
                                        </p:tav>
                                      </p:tavLst>
                                    </p:anim>
                                    <p:anim calcmode="lin" valueType="num">
                                      <p:cBhvr additive="base">
                                        <p:cTn id="12" dur="400" fill="hold"/>
                                        <p:tgtEl>
                                          <p:spTgt spid="3"/>
                                        </p:tgtEl>
                                        <p:attrNameLst>
                                          <p:attrName>ppt_y</p:attrName>
                                        </p:attrNameLst>
                                      </p:cBhvr>
                                      <p:tavLst>
                                        <p:tav tm="0">
                                          <p:val>
                                            <p:strVal val="1+#ppt_h/2"/>
                                          </p:val>
                                        </p:tav>
                                        <p:tav tm="100000">
                                          <p:val>
                                            <p:strVal val="#ppt_y"/>
                                          </p:val>
                                        </p:tav>
                                      </p:tavLst>
                                    </p:anim>
                                  </p:childTnLst>
                                </p:cTn>
                              </p:par>
                            </p:childTnLst>
                          </p:cTn>
                        </p:par>
                        <p:par>
                          <p:cTn id="13" fill="hold">
                            <p:stCondLst>
                              <p:cond delay="500"/>
                            </p:stCondLst>
                            <p:childTnLst>
                              <p:par>
                                <p:cTn id="14" presetID="22" presetClass="entr" presetSubtype="4" fill="hold" grpId="0" nodeType="afterEffect">
                                  <p:stCondLst>
                                    <p:cond delay="300"/>
                                  </p:stCondLst>
                                  <p:childTnLst>
                                    <p:set>
                                      <p:cBhvr>
                                        <p:cTn id="15" dur="1" fill="hold">
                                          <p:stCondLst>
                                            <p:cond delay="0"/>
                                          </p:stCondLst>
                                        </p:cTn>
                                        <p:tgtEl>
                                          <p:spTgt spid="7">
                                            <p:txEl>
                                              <p:pRg st="0" end="0"/>
                                            </p:txEl>
                                          </p:spTgt>
                                        </p:tgtEl>
                                        <p:attrNameLst>
                                          <p:attrName>style.visibility</p:attrName>
                                        </p:attrNameLst>
                                      </p:cBhvr>
                                      <p:to>
                                        <p:strVal val="visible"/>
                                      </p:to>
                                    </p:set>
                                    <p:animEffect transition="in" filter="wipe(down)">
                                      <p:cBhvr>
                                        <p:cTn id="16" dur="3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7" grpId="0" build="allAtOnce">
        <p:tmplLst>
          <p:tmpl lvl="1">
            <p:tnLst>
              <p:par>
                <p:cTn presetID="22" presetClass="entr" presetSubtype="4" fill="hold" nodeType="afterEffect">
                  <p:stCondLst>
                    <p:cond delay="300"/>
                  </p:stCondLst>
                  <p:childTnLst>
                    <p:set>
                      <p:cBhvr>
                        <p:cTn dur="1" fill="hold">
                          <p:stCondLst>
                            <p:cond delay="0"/>
                          </p:stCondLst>
                        </p:cTn>
                        <p:tgtEl>
                          <p:spTgt spid="7"/>
                        </p:tgtEl>
                        <p:attrNameLst>
                          <p:attrName>style.visibility</p:attrName>
                        </p:attrNameLst>
                      </p:cBhvr>
                      <p:to>
                        <p:strVal val="visible"/>
                      </p:to>
                    </p:set>
                    <p:animEffect transition="in" filter="wipe(down)">
                      <p:cBhvr>
                        <p:cTn dur="300"/>
                        <p:tgtEl>
                          <p:spTgt spid="7"/>
                        </p:tgtEl>
                      </p:cBhvr>
                    </p:animEffect>
                  </p:childTnLst>
                </p:cTn>
              </p:par>
            </p:tnLst>
          </p:tmpl>
        </p:tmplLst>
      </p:bldP>
    </p:bldLst>
  </p:timing>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Image + highlight/quote, light">
    <p:bg>
      <p:bgPr>
        <a:solidFill>
          <a:srgbClr val="D3E3E5"/>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013457">
            <a:off x="4716112" y="4663037"/>
            <a:ext cx="3374284" cy="2971520"/>
          </a:xfrm>
          <a:prstGeom prst="rect">
            <a:avLst/>
          </a:prstGeom>
        </p:spPr>
      </p:pic>
      <p:sp>
        <p:nvSpPr>
          <p:cNvPr id="3" name="Picture Placeholder 2">
            <a:extLst>
              <a:ext uri="{FF2B5EF4-FFF2-40B4-BE49-F238E27FC236}">
                <a16:creationId xmlns:a16="http://schemas.microsoft.com/office/drawing/2014/main" id="{3614A391-024D-7CA8-3C4C-8A342E7D1F25}"/>
              </a:ext>
            </a:extLst>
          </p:cNvPr>
          <p:cNvSpPr>
            <a:spLocks noGrp="1"/>
          </p:cNvSpPr>
          <p:nvPr>
            <p:ph type="pic" sz="quarter" idx="15" hasCustomPrompt="1"/>
          </p:nvPr>
        </p:nvSpPr>
        <p:spPr>
          <a:xfrm>
            <a:off x="6095999" y="717665"/>
            <a:ext cx="5400675" cy="5519622"/>
          </a:xfrm>
          <a:prstGeom prst="rect">
            <a:avLst/>
          </a:prstGeom>
          <a:solidFill>
            <a:srgbClr val="E5E5E5"/>
          </a:solidFill>
        </p:spPr>
        <p:txBody>
          <a:bodyPr anchor="ctr"/>
          <a:lstStyle>
            <a:lvl1pPr marL="0" indent="0" algn="ctr">
              <a:buNone/>
              <a:defRPr/>
            </a:lvl1pPr>
          </a:lstStyle>
          <a:p>
            <a:r>
              <a:rPr lang="en-GB"/>
              <a:t>I</a:t>
            </a:r>
            <a:r>
              <a:rPr lang="en-FI"/>
              <a:t>nsert image</a:t>
            </a:r>
          </a:p>
          <a:p>
            <a:endParaRPr lang="en-FI"/>
          </a:p>
        </p:txBody>
      </p:sp>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5325" y="945222"/>
            <a:ext cx="6492654" cy="5292066"/>
          </a:xfrm>
          <a:prstGeom prst="rect">
            <a:avLst/>
          </a:prstGeom>
        </p:spPr>
        <p:txBody>
          <a:bodyPr lIns="0" tIns="0" rIns="0" bIns="0">
            <a:noAutofit/>
          </a:bodyPr>
          <a:lstStyle>
            <a:lvl1pPr marL="271463" indent="-271463" algn="l">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5" name="Text Placeholder 3">
            <a:extLst>
              <a:ext uri="{FF2B5EF4-FFF2-40B4-BE49-F238E27FC236}">
                <a16:creationId xmlns:a16="http://schemas.microsoft.com/office/drawing/2014/main" id="{1C72EE57-B30D-D812-26B0-73C78B4F4FD4}"/>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9EAD2402-B432-0A82-7E4D-819ABA7772EB}"/>
              </a:ext>
            </a:extLst>
          </p:cNvPr>
          <p:cNvSpPr>
            <a:spLocks noGrp="1"/>
          </p:cNvSpPr>
          <p:nvPr>
            <p:ph type="ftr" sz="quarter" idx="16"/>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3264FCA2-811D-5F6D-D837-07F8836BC883}"/>
              </a:ext>
            </a:extLst>
          </p:cNvPr>
          <p:cNvSpPr>
            <a:spLocks noGrp="1"/>
          </p:cNvSpPr>
          <p:nvPr>
            <p:ph type="sldNum" sz="quarter" idx="17"/>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5D21A3CB-DBB5-F14F-2CC7-8B10DA68631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29641410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repeatCount="0" fill="hold" nodeType="with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400" fill="hold"/>
                                        <p:tgtEl>
                                          <p:spTgt spid="3"/>
                                        </p:tgtEl>
                                        <p:attrNameLst>
                                          <p:attrName>ppt_x</p:attrName>
                                        </p:attrNameLst>
                                      </p:cBhvr>
                                      <p:tavLst>
                                        <p:tav tm="0">
                                          <p:val>
                                            <p:strVal val="#ppt_x"/>
                                          </p:val>
                                        </p:tav>
                                        <p:tav tm="100000">
                                          <p:val>
                                            <p:strVal val="#ppt_x"/>
                                          </p:val>
                                        </p:tav>
                                      </p:tavLst>
                                    </p:anim>
                                    <p:anim calcmode="lin" valueType="num">
                                      <p:cBhvr additive="base">
                                        <p:cTn id="12" dur="400" fill="hold"/>
                                        <p:tgtEl>
                                          <p:spTgt spid="3"/>
                                        </p:tgtEl>
                                        <p:attrNameLst>
                                          <p:attrName>ppt_y</p:attrName>
                                        </p:attrNameLst>
                                      </p:cBhvr>
                                      <p:tavLst>
                                        <p:tav tm="0">
                                          <p:val>
                                            <p:strVal val="1+#ppt_h/2"/>
                                          </p:val>
                                        </p:tav>
                                        <p:tav tm="100000">
                                          <p:val>
                                            <p:strVal val="#ppt_y"/>
                                          </p:val>
                                        </p:tav>
                                      </p:tavLst>
                                    </p:anim>
                                  </p:childTnLst>
                                </p:cTn>
                              </p:par>
                              <p:par>
                                <p:cTn id="13" presetID="22" presetClass="entr" presetSubtype="4" fill="hold" grpId="0" nodeType="withEffect">
                                  <p:stCondLst>
                                    <p:cond delay="0"/>
                                  </p:stCondLst>
                                  <p:childTnLst>
                                    <p:set>
                                      <p:cBhvr>
                                        <p:cTn id="14" dur="1" fill="hold">
                                          <p:stCondLst>
                                            <p:cond delay="0"/>
                                          </p:stCondLst>
                                        </p:cTn>
                                        <p:tgtEl>
                                          <p:spTgt spid="7">
                                            <p:txEl>
                                              <p:pRg st="0" end="0"/>
                                            </p:txEl>
                                          </p:spTgt>
                                        </p:tgtEl>
                                        <p:attrNameLst>
                                          <p:attrName>style.visibility</p:attrName>
                                        </p:attrNameLst>
                                      </p:cBhvr>
                                      <p:to>
                                        <p:strVal val="visible"/>
                                      </p:to>
                                    </p:set>
                                    <p:animEffect transition="in" filter="wipe(down)">
                                      <p:cBhvr>
                                        <p:cTn id="15" dur="3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7" grpId="0" build="allAtOnce">
        <p:tmplLst>
          <p:tmpl lvl="1">
            <p:tnLst>
              <p:par>
                <p:cTn presetID="22" presetClass="entr" presetSubtype="4" fill="hold" nodeType="withEffect">
                  <p:stCondLst>
                    <p:cond delay="0"/>
                  </p:stCondLst>
                  <p:childTnLst>
                    <p:set>
                      <p:cBhvr>
                        <p:cTn dur="1" fill="hold">
                          <p:stCondLst>
                            <p:cond delay="0"/>
                          </p:stCondLst>
                        </p:cTn>
                        <p:tgtEl>
                          <p:spTgt spid="7"/>
                        </p:tgtEl>
                        <p:attrNameLst>
                          <p:attrName>style.visibility</p:attrName>
                        </p:attrNameLst>
                      </p:cBhvr>
                      <p:to>
                        <p:strVal val="visible"/>
                      </p:to>
                    </p:set>
                    <p:animEffect transition="in" filter="wipe(down)">
                      <p:cBhvr>
                        <p:cTn dur="300"/>
                        <p:tgtEl>
                          <p:spTgt spid="7"/>
                        </p:tgtEl>
                      </p:cBhvr>
                    </p:animEffect>
                  </p:childTnLst>
                </p:cTn>
              </p:par>
            </p:tnLst>
          </p:tmpl>
        </p:tmplLst>
      </p:bldP>
    </p:bldLst>
  </p:timing>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Process contents">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ABDE177F-8A4B-80B9-388B-A0221A43CBFA}"/>
              </a:ext>
              <a:ext uri="{C183D7F6-B498-43B3-948B-1728B52AA6E4}">
                <adec:decorative xmlns:adec="http://schemas.microsoft.com/office/drawing/2017/decorative" val="1"/>
              </a:ext>
            </a:extLst>
          </p:cNvPr>
          <p:cNvSpPr/>
          <p:nvPr userDrawn="1"/>
        </p:nvSpPr>
        <p:spPr>
          <a:xfrm>
            <a:off x="0" y="3214535"/>
            <a:ext cx="12192000" cy="3205693"/>
          </a:xfrm>
          <a:prstGeom prst="rect">
            <a:avLst/>
          </a:prstGeom>
          <a:solidFill>
            <a:srgbClr val="FAF1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9141"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5" name="Content Placeholder 6">
            <a:extLst>
              <a:ext uri="{FF2B5EF4-FFF2-40B4-BE49-F238E27FC236}">
                <a16:creationId xmlns:a16="http://schemas.microsoft.com/office/drawing/2014/main" id="{0A7C0FD0-8193-21E5-F474-A9354420D95E}"/>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8" name="Content Placeholder 17">
            <a:extLst>
              <a:ext uri="{FF2B5EF4-FFF2-40B4-BE49-F238E27FC236}">
                <a16:creationId xmlns:a16="http://schemas.microsoft.com/office/drawing/2014/main" id="{82B7260A-3B5F-BEEB-B9C2-804A641E600D}"/>
              </a:ext>
            </a:extLst>
          </p:cNvPr>
          <p:cNvSpPr>
            <a:spLocks noGrp="1"/>
          </p:cNvSpPr>
          <p:nvPr>
            <p:ph sz="quarter" idx="16"/>
          </p:nvPr>
        </p:nvSpPr>
        <p:spPr>
          <a:xfrm>
            <a:off x="856994" y="2292723"/>
            <a:ext cx="1806272" cy="184582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rgbClr val="FF73A4"/>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28" name="Text Placeholder 26">
            <a:extLst>
              <a:ext uri="{FF2B5EF4-FFF2-40B4-BE49-F238E27FC236}">
                <a16:creationId xmlns:a16="http://schemas.microsoft.com/office/drawing/2014/main" id="{E67724BF-890B-E161-7669-CEBDA1D029AF}"/>
              </a:ext>
            </a:extLst>
          </p:cNvPr>
          <p:cNvSpPr>
            <a:spLocks noGrp="1"/>
          </p:cNvSpPr>
          <p:nvPr>
            <p:ph type="body" sz="quarter" idx="24" hasCustomPrompt="1"/>
          </p:nvPr>
        </p:nvSpPr>
        <p:spPr>
          <a:xfrm>
            <a:off x="695326"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27" name="Text Placeholder 26">
            <a:extLst>
              <a:ext uri="{FF2B5EF4-FFF2-40B4-BE49-F238E27FC236}">
                <a16:creationId xmlns:a16="http://schemas.microsoft.com/office/drawing/2014/main" id="{F4C66DEB-6B79-DFE9-2F13-45D1D029C6BC}"/>
              </a:ext>
            </a:extLst>
          </p:cNvPr>
          <p:cNvSpPr>
            <a:spLocks noGrp="1"/>
          </p:cNvSpPr>
          <p:nvPr>
            <p:ph type="body" sz="quarter" idx="23"/>
          </p:nvPr>
        </p:nvSpPr>
        <p:spPr>
          <a:xfrm>
            <a:off x="695326"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4" name="Content Placeholder 17">
            <a:extLst>
              <a:ext uri="{FF2B5EF4-FFF2-40B4-BE49-F238E27FC236}">
                <a16:creationId xmlns:a16="http://schemas.microsoft.com/office/drawing/2014/main" id="{753DF5F1-A362-636C-07A6-3031289CF920}"/>
              </a:ext>
            </a:extLst>
          </p:cNvPr>
          <p:cNvSpPr>
            <a:spLocks noGrp="1"/>
          </p:cNvSpPr>
          <p:nvPr>
            <p:ph sz="quarter" idx="21"/>
          </p:nvPr>
        </p:nvSpPr>
        <p:spPr>
          <a:xfrm>
            <a:off x="3621994" y="2335372"/>
            <a:ext cx="1837270" cy="1803171"/>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rgbClr val="44C1DE"/>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30" name="Text Placeholder 26">
            <a:extLst>
              <a:ext uri="{FF2B5EF4-FFF2-40B4-BE49-F238E27FC236}">
                <a16:creationId xmlns:a16="http://schemas.microsoft.com/office/drawing/2014/main" id="{C2705564-BF3F-EF0D-5803-453C36521E9B}"/>
              </a:ext>
            </a:extLst>
          </p:cNvPr>
          <p:cNvSpPr>
            <a:spLocks noGrp="1"/>
          </p:cNvSpPr>
          <p:nvPr>
            <p:ph type="body" sz="quarter" idx="26" hasCustomPrompt="1"/>
          </p:nvPr>
        </p:nvSpPr>
        <p:spPr>
          <a:xfrm>
            <a:off x="3434425"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p:nvPr>
        </p:nvSpPr>
        <p:spPr>
          <a:xfrm>
            <a:off x="3438526"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3" name="Content Placeholder 17">
            <a:extLst>
              <a:ext uri="{FF2B5EF4-FFF2-40B4-BE49-F238E27FC236}">
                <a16:creationId xmlns:a16="http://schemas.microsoft.com/office/drawing/2014/main" id="{EB98E0C5-FB17-CF23-150C-1C9C4238F4C7}"/>
              </a:ext>
            </a:extLst>
          </p:cNvPr>
          <p:cNvSpPr>
            <a:spLocks noGrp="1"/>
          </p:cNvSpPr>
          <p:nvPr>
            <p:ph sz="quarter" idx="20"/>
          </p:nvPr>
        </p:nvSpPr>
        <p:spPr>
          <a:xfrm>
            <a:off x="6417990" y="2292722"/>
            <a:ext cx="1806271" cy="1866867"/>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24718" h="2607638">
                <a:moveTo>
                  <a:pt x="475" y="1362403"/>
                </a:moveTo>
                <a:cubicBezTo>
                  <a:pt x="-7209" y="1019555"/>
                  <a:pt x="77108" y="623551"/>
                  <a:pt x="331376" y="366924"/>
                </a:cubicBezTo>
                <a:cubicBezTo>
                  <a:pt x="511088" y="160581"/>
                  <a:pt x="742225" y="-1795"/>
                  <a:pt x="1058137" y="586"/>
                </a:cubicBezTo>
                <a:cubicBezTo>
                  <a:pt x="1303841" y="-8800"/>
                  <a:pt x="1623063" y="95962"/>
                  <a:pt x="1793123" y="222022"/>
                </a:cubicBezTo>
                <a:cubicBezTo>
                  <a:pt x="2070786" y="392376"/>
                  <a:pt x="2419557" y="710220"/>
                  <a:pt x="2424699" y="1266323"/>
                </a:cubicBezTo>
                <a:cubicBezTo>
                  <a:pt x="2426799" y="1741743"/>
                  <a:pt x="2255574" y="1992538"/>
                  <a:pt x="2163929" y="2130173"/>
                </a:cubicBezTo>
                <a:cubicBezTo>
                  <a:pt x="2088522" y="2242885"/>
                  <a:pt x="1837851" y="2572414"/>
                  <a:pt x="1396677" y="2606487"/>
                </a:cubicBezTo>
                <a:cubicBezTo>
                  <a:pt x="974911" y="2623070"/>
                  <a:pt x="562359" y="2458435"/>
                  <a:pt x="351751" y="2250473"/>
                </a:cubicBezTo>
                <a:cubicBezTo>
                  <a:pt x="203056" y="2093311"/>
                  <a:pt x="22432" y="1782557"/>
                  <a:pt x="475" y="1362403"/>
                </a:cubicBezTo>
                <a:close/>
              </a:path>
            </a:pathLst>
          </a:custGeom>
          <a:solidFill>
            <a:srgbClr val="00839F"/>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32" name="Text Placeholder 26">
            <a:extLst>
              <a:ext uri="{FF2B5EF4-FFF2-40B4-BE49-F238E27FC236}">
                <a16:creationId xmlns:a16="http://schemas.microsoft.com/office/drawing/2014/main" id="{5B86DAE5-1DC4-6947-DDBC-EBE9F5BCE5B5}"/>
              </a:ext>
            </a:extLst>
          </p:cNvPr>
          <p:cNvSpPr>
            <a:spLocks noGrp="1"/>
          </p:cNvSpPr>
          <p:nvPr>
            <p:ph type="body" sz="quarter" idx="28" hasCustomPrompt="1"/>
          </p:nvPr>
        </p:nvSpPr>
        <p:spPr>
          <a:xfrm>
            <a:off x="6194027"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3" name="Text Placeholder 26">
            <a:extLst>
              <a:ext uri="{FF2B5EF4-FFF2-40B4-BE49-F238E27FC236}">
                <a16:creationId xmlns:a16="http://schemas.microsoft.com/office/drawing/2014/main" id="{2CB7DBA7-F821-0C77-D04F-E5B349E02D85}"/>
              </a:ext>
            </a:extLst>
          </p:cNvPr>
          <p:cNvSpPr>
            <a:spLocks noGrp="1"/>
          </p:cNvSpPr>
          <p:nvPr>
            <p:ph type="body" sz="quarter" idx="32"/>
          </p:nvPr>
        </p:nvSpPr>
        <p:spPr>
          <a:xfrm>
            <a:off x="6189818"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5" name="Content Placeholder 17">
            <a:extLst>
              <a:ext uri="{FF2B5EF4-FFF2-40B4-BE49-F238E27FC236}">
                <a16:creationId xmlns:a16="http://schemas.microsoft.com/office/drawing/2014/main" id="{719229A6-49F8-F3C6-A0C1-C150CE6FB96E}"/>
              </a:ext>
            </a:extLst>
          </p:cNvPr>
          <p:cNvSpPr>
            <a:spLocks noGrp="1"/>
          </p:cNvSpPr>
          <p:nvPr>
            <p:ph sz="quarter" idx="22"/>
          </p:nvPr>
        </p:nvSpPr>
        <p:spPr>
          <a:xfrm>
            <a:off x="9182988" y="2292723"/>
            <a:ext cx="1806271" cy="184582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tx1"/>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34" name="Text Placeholder 26">
            <a:extLst>
              <a:ext uri="{FF2B5EF4-FFF2-40B4-BE49-F238E27FC236}">
                <a16:creationId xmlns:a16="http://schemas.microsoft.com/office/drawing/2014/main" id="{E5BDFAED-EF23-166B-C0C1-DA9B301D3C01}"/>
              </a:ext>
            </a:extLst>
          </p:cNvPr>
          <p:cNvSpPr>
            <a:spLocks noGrp="1"/>
          </p:cNvSpPr>
          <p:nvPr>
            <p:ph type="body" sz="quarter" idx="30" hasCustomPrompt="1"/>
          </p:nvPr>
        </p:nvSpPr>
        <p:spPr>
          <a:xfrm>
            <a:off x="8970031"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4" name="Text Placeholder 26">
            <a:extLst>
              <a:ext uri="{FF2B5EF4-FFF2-40B4-BE49-F238E27FC236}">
                <a16:creationId xmlns:a16="http://schemas.microsoft.com/office/drawing/2014/main" id="{BFAE5DA1-6700-7008-8DF6-5C4278A9503E}"/>
              </a:ext>
            </a:extLst>
          </p:cNvPr>
          <p:cNvSpPr>
            <a:spLocks noGrp="1"/>
          </p:cNvSpPr>
          <p:nvPr>
            <p:ph type="body" sz="quarter" idx="33"/>
          </p:nvPr>
        </p:nvSpPr>
        <p:spPr>
          <a:xfrm>
            <a:off x="8973478"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5169CF23-2660-7429-82FF-3ADA065E1D5D}"/>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68916600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Process step contents">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6" name="Title Placeholder 1">
            <a:extLst>
              <a:ext uri="{FF2B5EF4-FFF2-40B4-BE49-F238E27FC236}">
                <a16:creationId xmlns:a16="http://schemas.microsoft.com/office/drawing/2014/main" id="{8A746DFE-02BF-0666-1A44-74FBBCB16E9C}"/>
              </a:ext>
            </a:extLst>
          </p:cNvPr>
          <p:cNvSpPr>
            <a:spLocks noGrp="1"/>
          </p:cNvSpPr>
          <p:nvPr>
            <p:ph type="title"/>
          </p:nvPr>
        </p:nvSpPr>
        <p:spPr>
          <a:xfrm>
            <a:off x="675005" y="620713"/>
            <a:ext cx="9001125" cy="1080000"/>
          </a:xfrm>
          <a:prstGeom prst="rect">
            <a:avLst/>
          </a:prstGeom>
        </p:spPr>
        <p:txBody>
          <a:bodyPr vert="horz" lIns="0" tIns="0" rIns="0" bIns="0" rtlCol="0" anchor="ctr" anchorCtr="0">
            <a:noAutofit/>
          </a:bodyPr>
          <a:lstStyle/>
          <a:p>
            <a:r>
              <a:rPr lang="en-GB" noProof="0"/>
              <a:t>Click to edit Master title style</a:t>
            </a:r>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6" name="Content Placeholder 6">
            <a:extLst>
              <a:ext uri="{FF2B5EF4-FFF2-40B4-BE49-F238E27FC236}">
                <a16:creationId xmlns:a16="http://schemas.microsoft.com/office/drawing/2014/main" id="{96346146-A3FF-C74E-1B2B-D21237D84BF5}"/>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695325" y="2284413"/>
            <a:ext cx="2547938"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p:nvPr>
        </p:nvSpPr>
        <p:spPr>
          <a:xfrm>
            <a:off x="695325" y="2852615"/>
            <a:ext cx="2548058" cy="3399808"/>
          </a:xfrm>
          <a:prstGeom prst="rect">
            <a:avLst/>
          </a:prstGeom>
        </p:spPr>
        <p:txBody>
          <a:bodyPr lIns="0" tIns="0" rIns="0" bIns="0"/>
          <a:lstStyle>
            <a:lvl1pPr marL="90488" indent="-90488">
              <a:tabLst/>
              <a:defRPr sz="1200"/>
            </a:lvl1pPr>
            <a:lvl2pPr marL="225425" indent="-90488">
              <a:tabLst/>
              <a:defRPr sz="1100"/>
            </a:lvl2pPr>
          </a:lstStyle>
          <a:p>
            <a:pPr lvl="0"/>
            <a:r>
              <a:rPr lang="en-GB"/>
              <a:t>Click to edit Master text styles</a:t>
            </a:r>
          </a:p>
          <a:p>
            <a:pPr lvl="1"/>
            <a:r>
              <a:rPr lang="en-GB"/>
              <a:t>Second level</a:t>
            </a:r>
          </a:p>
        </p:txBody>
      </p:sp>
      <p:sp>
        <p:nvSpPr>
          <p:cNvPr id="18" name="Text Placeholder 10">
            <a:extLst>
              <a:ext uri="{FF2B5EF4-FFF2-40B4-BE49-F238E27FC236}">
                <a16:creationId xmlns:a16="http://schemas.microsoft.com/office/drawing/2014/main" id="{C49696B1-1B31-F1A9-FAFE-7A069279FD14}"/>
              </a:ext>
            </a:extLst>
          </p:cNvPr>
          <p:cNvSpPr>
            <a:spLocks noGrp="1"/>
          </p:cNvSpPr>
          <p:nvPr>
            <p:ph type="body" sz="quarter" idx="24" hasCustomPrompt="1"/>
          </p:nvPr>
        </p:nvSpPr>
        <p:spPr>
          <a:xfrm>
            <a:off x="3461970" y="2284413"/>
            <a:ext cx="2548057"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3" name="Text Placeholder 2">
            <a:extLst>
              <a:ext uri="{FF2B5EF4-FFF2-40B4-BE49-F238E27FC236}">
                <a16:creationId xmlns:a16="http://schemas.microsoft.com/office/drawing/2014/main" id="{AF546FD0-8DD6-645A-C210-3BD3D5F0DEB3}"/>
              </a:ext>
            </a:extLst>
          </p:cNvPr>
          <p:cNvSpPr>
            <a:spLocks noGrp="1"/>
          </p:cNvSpPr>
          <p:nvPr>
            <p:ph type="body" sz="quarter" idx="16"/>
          </p:nvPr>
        </p:nvSpPr>
        <p:spPr>
          <a:xfrm>
            <a:off x="3461969" y="2852614"/>
            <a:ext cx="2548058" cy="3384673"/>
          </a:xfrm>
          <a:prstGeom prst="rect">
            <a:avLst/>
          </a:prstGeom>
        </p:spPr>
        <p:txBody>
          <a:bodyPr lIns="0" tIns="0" rIns="0" bIns="0"/>
          <a:lstStyle>
            <a:lvl1pPr marL="90488" indent="-84138">
              <a:tabLst/>
              <a:defRPr sz="1200"/>
            </a:lvl1pPr>
            <a:lvl2pPr marL="225425" indent="-90488">
              <a:tabLst/>
              <a:defRPr sz="1100"/>
            </a:lvl2pPr>
          </a:lstStyle>
          <a:p>
            <a:pPr lvl="0"/>
            <a:r>
              <a:rPr lang="en-GB"/>
              <a:t>Click to edit Master text styles</a:t>
            </a:r>
          </a:p>
          <a:p>
            <a:pPr lvl="1"/>
            <a:r>
              <a:rPr lang="en-GB"/>
              <a:t>Second level</a:t>
            </a:r>
          </a:p>
        </p:txBody>
      </p:sp>
      <p:sp>
        <p:nvSpPr>
          <p:cNvPr id="19" name="Text Placeholder 10">
            <a:extLst>
              <a:ext uri="{FF2B5EF4-FFF2-40B4-BE49-F238E27FC236}">
                <a16:creationId xmlns:a16="http://schemas.microsoft.com/office/drawing/2014/main" id="{9A15C8E7-F021-1169-72B7-5E148D9DDA6A}"/>
              </a:ext>
            </a:extLst>
          </p:cNvPr>
          <p:cNvSpPr>
            <a:spLocks noGrp="1"/>
          </p:cNvSpPr>
          <p:nvPr>
            <p:ph type="body" sz="quarter" idx="25" hasCustomPrompt="1"/>
          </p:nvPr>
        </p:nvSpPr>
        <p:spPr>
          <a:xfrm>
            <a:off x="6197357" y="2284413"/>
            <a:ext cx="2548057"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5" name="Text Placeholder 2">
            <a:extLst>
              <a:ext uri="{FF2B5EF4-FFF2-40B4-BE49-F238E27FC236}">
                <a16:creationId xmlns:a16="http://schemas.microsoft.com/office/drawing/2014/main" id="{BD91A322-A34F-42C2-61DE-C0A2C0EE65B0}"/>
              </a:ext>
            </a:extLst>
          </p:cNvPr>
          <p:cNvSpPr>
            <a:spLocks noGrp="1"/>
          </p:cNvSpPr>
          <p:nvPr>
            <p:ph type="body" sz="quarter" idx="18"/>
          </p:nvPr>
        </p:nvSpPr>
        <p:spPr>
          <a:xfrm>
            <a:off x="6197356" y="2852615"/>
            <a:ext cx="2548058" cy="3399808"/>
          </a:xfrm>
          <a:prstGeom prst="rect">
            <a:avLst/>
          </a:prstGeom>
        </p:spPr>
        <p:txBody>
          <a:bodyPr lIns="0" tIns="0" rIns="0" bIns="0"/>
          <a:lstStyle>
            <a:lvl1pPr marL="90488" indent="-90488">
              <a:tabLst/>
              <a:defRPr sz="1200"/>
            </a:lvl1pPr>
            <a:lvl2pPr marL="225425" indent="-90488">
              <a:tabLst/>
              <a:defRPr sz="1100"/>
            </a:lvl2pPr>
          </a:lstStyle>
          <a:p>
            <a:pPr lvl="0"/>
            <a:r>
              <a:rPr lang="en-GB"/>
              <a:t>Click to edit Master text styles</a:t>
            </a:r>
          </a:p>
          <a:p>
            <a:pPr lvl="1"/>
            <a:r>
              <a:rPr lang="en-GB"/>
              <a:t>Second level</a:t>
            </a:r>
          </a:p>
        </p:txBody>
      </p:sp>
      <p:sp>
        <p:nvSpPr>
          <p:cNvPr id="20" name="Text Placeholder 10">
            <a:extLst>
              <a:ext uri="{FF2B5EF4-FFF2-40B4-BE49-F238E27FC236}">
                <a16:creationId xmlns:a16="http://schemas.microsoft.com/office/drawing/2014/main" id="{63FA01D3-0FF1-E796-E7FB-8EF327BF0599}"/>
              </a:ext>
            </a:extLst>
          </p:cNvPr>
          <p:cNvSpPr>
            <a:spLocks noGrp="1"/>
          </p:cNvSpPr>
          <p:nvPr>
            <p:ph type="body" sz="quarter" idx="26" hasCustomPrompt="1"/>
          </p:nvPr>
        </p:nvSpPr>
        <p:spPr>
          <a:xfrm>
            <a:off x="8948618" y="2284413"/>
            <a:ext cx="2547368"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7" name="Text Placeholder 2">
            <a:extLst>
              <a:ext uri="{FF2B5EF4-FFF2-40B4-BE49-F238E27FC236}">
                <a16:creationId xmlns:a16="http://schemas.microsoft.com/office/drawing/2014/main" id="{F57DFA98-A057-46B6-A5DF-A1C24E56558E}"/>
              </a:ext>
            </a:extLst>
          </p:cNvPr>
          <p:cNvSpPr>
            <a:spLocks noGrp="1"/>
          </p:cNvSpPr>
          <p:nvPr>
            <p:ph type="body" sz="quarter" idx="20"/>
          </p:nvPr>
        </p:nvSpPr>
        <p:spPr>
          <a:xfrm>
            <a:off x="8948616" y="2852615"/>
            <a:ext cx="2548058" cy="3399808"/>
          </a:xfrm>
          <a:prstGeom prst="rect">
            <a:avLst/>
          </a:prstGeom>
        </p:spPr>
        <p:txBody>
          <a:bodyPr lIns="0" tIns="0" rIns="0" bIns="0"/>
          <a:lstStyle>
            <a:lvl1pPr marL="90488" indent="-90488">
              <a:tabLst/>
              <a:defRPr sz="1200"/>
            </a:lvl1pPr>
            <a:lvl2pPr marL="225425" indent="-90488">
              <a:tabLst/>
              <a:defRPr sz="1100"/>
            </a:lvl2pPr>
          </a:lstStyle>
          <a:p>
            <a:pPr lvl="0"/>
            <a:r>
              <a:rPr lang="en-GB"/>
              <a:t>Click to edit Master text styles</a:t>
            </a:r>
          </a:p>
          <a:p>
            <a:pPr lvl="1"/>
            <a:r>
              <a:rPr lang="en-GB"/>
              <a:t>Second level</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cxnSp>
        <p:nvCxnSpPr>
          <p:cNvPr id="9" name="Straight Connector 8">
            <a:extLst>
              <a:ext uri="{FF2B5EF4-FFF2-40B4-BE49-F238E27FC236}">
                <a16:creationId xmlns:a16="http://schemas.microsoft.com/office/drawing/2014/main" id="{87712E29-D794-1824-1486-BB89EB2CDE5D}"/>
              </a:ext>
              <a:ext uri="{C183D7F6-B498-43B3-948B-1728B52AA6E4}">
                <adec:decorative xmlns:adec="http://schemas.microsoft.com/office/drawing/2017/decorative" val="1"/>
              </a:ext>
            </a:extLst>
          </p:cNvPr>
          <p:cNvCxnSpPr/>
          <p:nvPr userDrawn="1"/>
        </p:nvCxnSpPr>
        <p:spPr>
          <a:xfrm>
            <a:off x="3352800" y="2310051"/>
            <a:ext cx="0" cy="4573587"/>
          </a:xfrm>
          <a:prstGeom prst="line">
            <a:avLst/>
          </a:prstGeom>
          <a:ln>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FCD7906F-56C2-3CCB-F741-8E3DF42AC9FD}"/>
              </a:ext>
              <a:ext uri="{C183D7F6-B498-43B3-948B-1728B52AA6E4}">
                <adec:decorative xmlns:adec="http://schemas.microsoft.com/office/drawing/2017/decorative" val="1"/>
              </a:ext>
            </a:extLst>
          </p:cNvPr>
          <p:cNvCxnSpPr/>
          <p:nvPr userDrawn="1"/>
        </p:nvCxnSpPr>
        <p:spPr>
          <a:xfrm>
            <a:off x="6106160" y="2310051"/>
            <a:ext cx="0" cy="4573587"/>
          </a:xfrm>
          <a:prstGeom prst="line">
            <a:avLst/>
          </a:prstGeom>
          <a:ln>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2A62C825-F9A5-46D9-C679-92823E1B1C05}"/>
              </a:ext>
              <a:ext uri="{C183D7F6-B498-43B3-948B-1728B52AA6E4}">
                <adec:decorative xmlns:adec="http://schemas.microsoft.com/office/drawing/2017/decorative" val="1"/>
              </a:ext>
            </a:extLst>
          </p:cNvPr>
          <p:cNvCxnSpPr/>
          <p:nvPr userDrawn="1"/>
        </p:nvCxnSpPr>
        <p:spPr>
          <a:xfrm>
            <a:off x="8849360" y="2310051"/>
            <a:ext cx="0" cy="4573587"/>
          </a:xfrm>
          <a:prstGeom prst="line">
            <a:avLst/>
          </a:prstGeom>
          <a:ln>
            <a:solidFill>
              <a:schemeClr val="bg2"/>
            </a:solidFill>
          </a:ln>
        </p:spPr>
        <p:style>
          <a:lnRef idx="1">
            <a:schemeClr val="accent1"/>
          </a:lnRef>
          <a:fillRef idx="0">
            <a:schemeClr val="accent1"/>
          </a:fillRef>
          <a:effectRef idx="0">
            <a:schemeClr val="accent1"/>
          </a:effectRef>
          <a:fontRef idx="minor">
            <a:schemeClr val="tx1"/>
          </a:fontRef>
        </p:style>
      </p:cxnSp>
      <p:sp>
        <p:nvSpPr>
          <p:cNvPr id="4" name="Freeform: Shape 19">
            <a:extLst>
              <a:ext uri="{FF2B5EF4-FFF2-40B4-BE49-F238E27FC236}">
                <a16:creationId xmlns:a16="http://schemas.microsoft.com/office/drawing/2014/main" id="{73D7BA3E-C7F8-2B6F-A2A4-8CCE80DCE24D}"/>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70624694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over slide circle picture light">
    <p:bg>
      <p:bgPr>
        <a:solidFill>
          <a:srgbClr val="D3E3E5"/>
        </a:solidFill>
        <a:effectLst/>
      </p:bgPr>
    </p:bg>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AEEB825D-0E6B-A477-9E11-52914F18339B}"/>
              </a:ext>
            </a:extLst>
          </p:cNvPr>
          <p:cNvSpPr>
            <a:spLocks noGrp="1"/>
          </p:cNvSpPr>
          <p:nvPr>
            <p:ph type="pic" sz="quarter" idx="16" hasCustomPrompt="1"/>
          </p:nvPr>
        </p:nvSpPr>
        <p:spPr>
          <a:xfrm>
            <a:off x="4752420" y="668261"/>
            <a:ext cx="6486911" cy="5507016"/>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1"/>
          </a:solidFill>
          <a:ln w="3175">
            <a:noFill/>
          </a:ln>
        </p:spPr>
        <p:txBody>
          <a:bodyPr anchor="ctr"/>
          <a:lstStyle>
            <a:lvl1pPr marL="0" indent="0" algn="ctr">
              <a:buNone/>
              <a:defRPr/>
            </a:lvl1pPr>
          </a:lstStyle>
          <a:p>
            <a:r>
              <a:rPr lang="fi-FI" err="1"/>
              <a:t>Insert</a:t>
            </a:r>
            <a:r>
              <a:rPr lang="fi-FI"/>
              <a:t> image </a:t>
            </a:r>
            <a:r>
              <a:rPr lang="fi-FI" err="1"/>
              <a:t>or</a:t>
            </a:r>
            <a:r>
              <a:rPr lang="fi-FI"/>
              <a:t> </a:t>
            </a:r>
            <a:r>
              <a:rPr lang="fi-FI" err="1"/>
              <a:t>colour</a:t>
            </a:r>
            <a:br>
              <a:rPr lang="fi-FI"/>
            </a:br>
            <a:br>
              <a:rPr lang="fi-FI"/>
            </a:br>
            <a:br>
              <a:rPr lang="fi-FI"/>
            </a:br>
            <a:endParaRPr lang="en-FI"/>
          </a:p>
        </p:txBody>
      </p:sp>
      <p:sp>
        <p:nvSpPr>
          <p:cNvPr id="3" name="Title 2">
            <a:extLst>
              <a:ext uri="{FF2B5EF4-FFF2-40B4-BE49-F238E27FC236}">
                <a16:creationId xmlns:a16="http://schemas.microsoft.com/office/drawing/2014/main" id="{08190B7B-6CE5-CA98-BC54-D52CD8D5BB8E}"/>
              </a:ext>
            </a:extLst>
          </p:cNvPr>
          <p:cNvSpPr>
            <a:spLocks noGrp="1"/>
          </p:cNvSpPr>
          <p:nvPr>
            <p:ph type="title" hasCustomPrompt="1"/>
          </p:nvPr>
        </p:nvSpPr>
        <p:spPr>
          <a:xfrm>
            <a:off x="675005" y="1442147"/>
            <a:ext cx="5187315" cy="3067577"/>
          </a:xfrm>
        </p:spPr>
        <p:txBody>
          <a:bodyPr/>
          <a:lstStyle>
            <a:lvl1pPr>
              <a:defRPr sz="6000" b="0" i="0">
                <a:latin typeface="Messina Modern Book" pitchFamily="2" charset="77"/>
              </a:defRPr>
            </a:lvl1pPr>
          </a:lstStyle>
          <a:p>
            <a:r>
              <a:rPr lang="en-US"/>
              <a:t>Insert presentation title</a:t>
            </a:r>
            <a:endParaRPr lang="en-GB"/>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09725"/>
            <a:ext cx="4057095" cy="1000095"/>
          </a:xfrm>
          <a:prstGeom prst="rect">
            <a:avLst/>
          </a:prstGeom>
        </p:spPr>
        <p:txBody>
          <a:bodyPr lIns="0" rIns="0">
            <a:noAutofit/>
          </a:bodyPr>
          <a:lstStyle>
            <a:lvl1pPr marL="0" indent="0" algn="l">
              <a:buNone/>
              <a:defRPr sz="1800" b="0" i="0" spc="-50" baseline="0">
                <a:solidFill>
                  <a:srgbClr val="0F3D51"/>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5870ADD0-08F8-31D3-E13B-A599EF3F747D}"/>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tx1"/>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324853332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 calcmode="lin" valueType="num">
                                      <p:cBhvr additive="base">
                                        <p:cTn id="7" dur="400" fill="hold"/>
                                        <p:tgtEl>
                                          <p:spTgt spid="8"/>
                                        </p:tgtEl>
                                        <p:attrNameLst>
                                          <p:attrName>ppt_x</p:attrName>
                                        </p:attrNameLst>
                                      </p:cBhvr>
                                      <p:tavLst>
                                        <p:tav tm="0">
                                          <p:val>
                                            <p:strVal val="#ppt_x"/>
                                          </p:val>
                                        </p:tav>
                                        <p:tav tm="100000">
                                          <p:val>
                                            <p:strVal val="#ppt_x"/>
                                          </p:val>
                                        </p:tav>
                                      </p:tavLst>
                                    </p:anim>
                                    <p:anim calcmode="lin" valueType="num">
                                      <p:cBhvr additive="base">
                                        <p:cTn id="8" dur="400" fill="hold"/>
                                        <p:tgtEl>
                                          <p:spTgt spid="8"/>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ales Narrative intro">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6" name="Title Placeholder 1">
            <a:extLst>
              <a:ext uri="{FF2B5EF4-FFF2-40B4-BE49-F238E27FC236}">
                <a16:creationId xmlns:a16="http://schemas.microsoft.com/office/drawing/2014/main" id="{8A746DFE-02BF-0666-1A44-74FBBCB16E9C}"/>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GB"/>
              <a:t>Summarise the entire situation/our point of view in a nice tight headline sentenc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1004680" y="2335177"/>
            <a:ext cx="3187838" cy="204680"/>
          </a:xfrm>
          <a:prstGeom prst="rect">
            <a:avLst/>
          </a:prstGeom>
        </p:spPr>
        <p:txBody>
          <a:bodyPr lIns="0" tIns="0" rIns="0" bIns="0" anchor="t"/>
          <a:lstStyle>
            <a:lvl1pPr marL="0" indent="0">
              <a:spcBef>
                <a:spcPts val="0"/>
              </a:spcBef>
              <a:buNone/>
              <a:defRPr sz="1000" spc="0">
                <a:solidFill>
                  <a:schemeClr val="tx2"/>
                </a:solidFill>
                <a:latin typeface="+mn-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SITUATION OVERVIEW</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hasCustomPrompt="1"/>
          </p:nvPr>
        </p:nvSpPr>
        <p:spPr>
          <a:xfrm>
            <a:off x="691701" y="2852615"/>
            <a:ext cx="3500817" cy="3455987"/>
          </a:xfrm>
          <a:custGeom>
            <a:avLst/>
            <a:gdLst>
              <a:gd name="connsiteX0" fmla="*/ 0 w 3775075"/>
              <a:gd name="connsiteY0" fmla="*/ 0 h 3399808"/>
              <a:gd name="connsiteX1" fmla="*/ 3775075 w 3775075"/>
              <a:gd name="connsiteY1" fmla="*/ 0 h 3399808"/>
              <a:gd name="connsiteX2" fmla="*/ 3775075 w 3775075"/>
              <a:gd name="connsiteY2" fmla="*/ 3399808 h 3399808"/>
              <a:gd name="connsiteX3" fmla="*/ 0 w 3775075"/>
              <a:gd name="connsiteY3" fmla="*/ 3399808 h 3399808"/>
              <a:gd name="connsiteX4" fmla="*/ 0 w 3775075"/>
              <a:gd name="connsiteY4" fmla="*/ 0 h 3399808"/>
              <a:gd name="connsiteX0" fmla="*/ 0 w 3775075"/>
              <a:gd name="connsiteY0" fmla="*/ 0 h 3399808"/>
              <a:gd name="connsiteX1" fmla="*/ 1819276 w 3775075"/>
              <a:gd name="connsiteY1" fmla="*/ 652 h 3399808"/>
              <a:gd name="connsiteX2" fmla="*/ 3775075 w 3775075"/>
              <a:gd name="connsiteY2" fmla="*/ 0 h 3399808"/>
              <a:gd name="connsiteX3" fmla="*/ 3775075 w 3775075"/>
              <a:gd name="connsiteY3" fmla="*/ 3399808 h 3399808"/>
              <a:gd name="connsiteX4" fmla="*/ 0 w 3775075"/>
              <a:gd name="connsiteY4" fmla="*/ 3399808 h 3399808"/>
              <a:gd name="connsiteX5" fmla="*/ 0 w 3775075"/>
              <a:gd name="connsiteY5" fmla="*/ 0 h 3399808"/>
              <a:gd name="connsiteX0" fmla="*/ 0 w 3778837"/>
              <a:gd name="connsiteY0" fmla="*/ 0 h 3399808"/>
              <a:gd name="connsiteX1" fmla="*/ 1819276 w 3778837"/>
              <a:gd name="connsiteY1" fmla="*/ 652 h 3399808"/>
              <a:gd name="connsiteX2" fmla="*/ 3775075 w 3778837"/>
              <a:gd name="connsiteY2" fmla="*/ 0 h 3399808"/>
              <a:gd name="connsiteX3" fmla="*/ 3775075 w 3778837"/>
              <a:gd name="connsiteY3" fmla="*/ 3399808 h 3399808"/>
              <a:gd name="connsiteX4" fmla="*/ 0 w 3778837"/>
              <a:gd name="connsiteY4" fmla="*/ 3399808 h 3399808"/>
              <a:gd name="connsiteX5" fmla="*/ 0 w 3778837"/>
              <a:gd name="connsiteY5" fmla="*/ 0 h 3399808"/>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277805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277805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88289 w 3782460"/>
              <a:gd name="connsiteY0" fmla="*/ 0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88289 w 3782460"/>
              <a:gd name="connsiteY6" fmla="*/ 0 h 3407333"/>
              <a:gd name="connsiteX0" fmla="*/ 35902 w 3797806"/>
              <a:gd name="connsiteY0" fmla="*/ 8467 h 3407333"/>
              <a:gd name="connsiteX1" fmla="*/ 1838245 w 3797806"/>
              <a:gd name="connsiteY1" fmla="*/ 652 h 3407333"/>
              <a:gd name="connsiteX2" fmla="*/ 3794044 w 3797806"/>
              <a:gd name="connsiteY2" fmla="*/ 0 h 3407333"/>
              <a:gd name="connsiteX3" fmla="*/ 3794044 w 3797806"/>
              <a:gd name="connsiteY3" fmla="*/ 3399808 h 3407333"/>
              <a:gd name="connsiteX4" fmla="*/ 18969 w 3797806"/>
              <a:gd name="connsiteY4" fmla="*/ 3399808 h 3407333"/>
              <a:gd name="connsiteX5" fmla="*/ 26378 w 3797806"/>
              <a:gd name="connsiteY5" fmla="*/ 517118 h 3407333"/>
              <a:gd name="connsiteX6" fmla="*/ 35902 w 3797806"/>
              <a:gd name="connsiteY6" fmla="*/ 8467 h 3407333"/>
              <a:gd name="connsiteX0" fmla="*/ 20556 w 3782460"/>
              <a:gd name="connsiteY0" fmla="*/ 8467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9412 w 3786285"/>
              <a:gd name="connsiteY0" fmla="*/ 11882 h 3407333"/>
              <a:gd name="connsiteX1" fmla="*/ 1911391 w 3786285"/>
              <a:gd name="connsiteY1" fmla="*/ 9119 h 3407333"/>
              <a:gd name="connsiteX2" fmla="*/ 3782523 w 3786285"/>
              <a:gd name="connsiteY2" fmla="*/ 0 h 3407333"/>
              <a:gd name="connsiteX3" fmla="*/ 3782523 w 3786285"/>
              <a:gd name="connsiteY3" fmla="*/ 3399808 h 3407333"/>
              <a:gd name="connsiteX4" fmla="*/ 7448 w 3786285"/>
              <a:gd name="connsiteY4" fmla="*/ 3399808 h 3407333"/>
              <a:gd name="connsiteX5" fmla="*/ 14857 w 3786285"/>
              <a:gd name="connsiteY5" fmla="*/ 517118 h 3407333"/>
              <a:gd name="connsiteX6" fmla="*/ 9412 w 3786285"/>
              <a:gd name="connsiteY6" fmla="*/ 11882 h 3407333"/>
              <a:gd name="connsiteX0" fmla="*/ 5587 w 3782460"/>
              <a:gd name="connsiteY0" fmla="*/ 11882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5587 w 3782460"/>
              <a:gd name="connsiteY6" fmla="*/ 11882 h 3407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782460" h="3407333">
                <a:moveTo>
                  <a:pt x="5587" y="11882"/>
                </a:moveTo>
                <a:lnTo>
                  <a:pt x="1907566" y="9119"/>
                </a:lnTo>
                <a:lnTo>
                  <a:pt x="3778698" y="0"/>
                </a:lnTo>
                <a:cubicBezTo>
                  <a:pt x="3787164" y="108803"/>
                  <a:pt x="3778698" y="2266539"/>
                  <a:pt x="3778698" y="3399808"/>
                </a:cubicBezTo>
                <a:cubicBezTo>
                  <a:pt x="2816673" y="3416741"/>
                  <a:pt x="1261981" y="3399808"/>
                  <a:pt x="3623" y="3399808"/>
                </a:cubicBezTo>
                <a:cubicBezTo>
                  <a:pt x="-7665" y="3090104"/>
                  <a:pt x="11032" y="1083753"/>
                  <a:pt x="11032" y="517118"/>
                </a:cubicBezTo>
                <a:cubicBezTo>
                  <a:pt x="11032" y="-49517"/>
                  <a:pt x="7794" y="77385"/>
                  <a:pt x="5587" y="11882"/>
                </a:cubicBezTo>
                <a:close/>
              </a:path>
            </a:pathLst>
          </a:custGeom>
          <a:solidFill>
            <a:srgbClr val="FAF1EF"/>
          </a:solidFill>
        </p:spPr>
        <p:txBody>
          <a:bodyPr lIns="180000" tIns="180000" rIns="180000" bIns="180000"/>
          <a:lstStyle>
            <a:lvl1pPr marL="0" indent="0">
              <a:buNone/>
              <a:tabLst/>
              <a:defRPr sz="1600">
                <a:solidFill>
                  <a:schemeClr val="tx1"/>
                </a:solidFill>
                <a:latin typeface="+mn-lt"/>
              </a:defRPr>
            </a:lvl1pPr>
            <a:lvl2pPr marL="225425" indent="-90488">
              <a:tabLst/>
              <a:defRPr sz="1100"/>
            </a:lvl2pPr>
          </a:lstStyle>
          <a:p>
            <a:pPr marL="0" marR="0" lvl="0" indent="0" algn="l" defTabSz="914400" rtl="0" eaLnBrk="1" fontAlgn="auto" latinLnBrk="0" hangingPunct="1">
              <a:lnSpc>
                <a:spcPct val="105000"/>
              </a:lnSpc>
              <a:spcBef>
                <a:spcPts val="800"/>
              </a:spcBef>
              <a:spcAft>
                <a:spcPts val="0"/>
              </a:spcAft>
              <a:buClr>
                <a:srgbClr val="F7673B"/>
              </a:buClr>
              <a:buSzTx/>
              <a:buFont typeface="Arial" panose="020B0604020202020204" pitchFamily="34" charset="0"/>
              <a:buNone/>
              <a:tabLst/>
              <a:defRPr/>
            </a:pPr>
            <a:r>
              <a:rPr kumimoji="0" lang="en-GB" sz="1600" b="0" i="0" u="none" strike="noStrike" kern="1000" cap="none" spc="-40" normalizeH="0" baseline="0" noProof="0">
                <a:ln>
                  <a:noFill/>
                </a:ln>
                <a:solidFill>
                  <a:srgbClr val="0F3D51"/>
                </a:solidFill>
                <a:effectLst/>
                <a:uLnTx/>
                <a:uFillTx/>
                <a:latin typeface="Cadiz Book"/>
                <a:ea typeface="+mn-ea"/>
                <a:cs typeface="+mn-cs"/>
              </a:rPr>
              <a:t>What has taken the customer here? What is the client currently pursuing? What are the main initiatives related around this endeavour? Have they launched a new product? Have they introduced a new software? New strategy and vision? What was the first phase of what they are doing now, etc.?</a:t>
            </a:r>
            <a:endParaRPr lang="en-GB"/>
          </a:p>
        </p:txBody>
      </p:sp>
      <p:sp>
        <p:nvSpPr>
          <p:cNvPr id="28" name="Text Placeholder 10">
            <a:extLst>
              <a:ext uri="{FF2B5EF4-FFF2-40B4-BE49-F238E27FC236}">
                <a16:creationId xmlns:a16="http://schemas.microsoft.com/office/drawing/2014/main" id="{CFE82F9D-D435-75E6-399E-6CC133FA6D06}"/>
              </a:ext>
            </a:extLst>
          </p:cNvPr>
          <p:cNvSpPr>
            <a:spLocks noGrp="1"/>
          </p:cNvSpPr>
          <p:nvPr>
            <p:ph type="body" sz="quarter" idx="26" hasCustomPrompt="1"/>
          </p:nvPr>
        </p:nvSpPr>
        <p:spPr>
          <a:xfrm>
            <a:off x="4636880" y="2335177"/>
            <a:ext cx="3187838" cy="204680"/>
          </a:xfrm>
          <a:prstGeom prst="rect">
            <a:avLst/>
          </a:prstGeom>
        </p:spPr>
        <p:txBody>
          <a:bodyPr lIns="0" tIns="0" rIns="0" bIns="0" anchor="t"/>
          <a:lstStyle>
            <a:lvl1pPr marL="0" indent="0">
              <a:spcBef>
                <a:spcPts val="0"/>
              </a:spcBef>
              <a:buNone/>
              <a:defRPr sz="1000" spc="0">
                <a:solidFill>
                  <a:schemeClr val="tx2"/>
                </a:solidFill>
                <a:latin typeface="+mn-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KEY CHALLENGES</a:t>
            </a:r>
          </a:p>
        </p:txBody>
      </p:sp>
      <p:sp>
        <p:nvSpPr>
          <p:cNvPr id="7" name="Text Placeholder 2">
            <a:extLst>
              <a:ext uri="{FF2B5EF4-FFF2-40B4-BE49-F238E27FC236}">
                <a16:creationId xmlns:a16="http://schemas.microsoft.com/office/drawing/2014/main" id="{B6EC71E7-1B0C-5975-15AF-BBD1F7E9C1B1}"/>
              </a:ext>
            </a:extLst>
          </p:cNvPr>
          <p:cNvSpPr>
            <a:spLocks noGrp="1"/>
          </p:cNvSpPr>
          <p:nvPr>
            <p:ph type="body" sz="quarter" idx="24" hasCustomPrompt="1"/>
          </p:nvPr>
        </p:nvSpPr>
        <p:spPr>
          <a:xfrm>
            <a:off x="4340835" y="2852615"/>
            <a:ext cx="3503450" cy="3458233"/>
          </a:xfrm>
          <a:custGeom>
            <a:avLst/>
            <a:gdLst>
              <a:gd name="connsiteX0" fmla="*/ 0 w 3775075"/>
              <a:gd name="connsiteY0" fmla="*/ 0 h 3399808"/>
              <a:gd name="connsiteX1" fmla="*/ 3775075 w 3775075"/>
              <a:gd name="connsiteY1" fmla="*/ 0 h 3399808"/>
              <a:gd name="connsiteX2" fmla="*/ 3775075 w 3775075"/>
              <a:gd name="connsiteY2" fmla="*/ 3399808 h 3399808"/>
              <a:gd name="connsiteX3" fmla="*/ 0 w 3775075"/>
              <a:gd name="connsiteY3" fmla="*/ 3399808 h 3399808"/>
              <a:gd name="connsiteX4" fmla="*/ 0 w 3775075"/>
              <a:gd name="connsiteY4" fmla="*/ 0 h 3399808"/>
              <a:gd name="connsiteX0" fmla="*/ 0 w 3775075"/>
              <a:gd name="connsiteY0" fmla="*/ 0 h 3399808"/>
              <a:gd name="connsiteX1" fmla="*/ 1819276 w 3775075"/>
              <a:gd name="connsiteY1" fmla="*/ 652 h 3399808"/>
              <a:gd name="connsiteX2" fmla="*/ 3775075 w 3775075"/>
              <a:gd name="connsiteY2" fmla="*/ 0 h 3399808"/>
              <a:gd name="connsiteX3" fmla="*/ 3775075 w 3775075"/>
              <a:gd name="connsiteY3" fmla="*/ 3399808 h 3399808"/>
              <a:gd name="connsiteX4" fmla="*/ 0 w 3775075"/>
              <a:gd name="connsiteY4" fmla="*/ 3399808 h 3399808"/>
              <a:gd name="connsiteX5" fmla="*/ 0 w 3775075"/>
              <a:gd name="connsiteY5" fmla="*/ 0 h 3399808"/>
              <a:gd name="connsiteX0" fmla="*/ 0 w 3778837"/>
              <a:gd name="connsiteY0" fmla="*/ 0 h 3399808"/>
              <a:gd name="connsiteX1" fmla="*/ 1819276 w 3778837"/>
              <a:gd name="connsiteY1" fmla="*/ 652 h 3399808"/>
              <a:gd name="connsiteX2" fmla="*/ 3775075 w 3778837"/>
              <a:gd name="connsiteY2" fmla="*/ 0 h 3399808"/>
              <a:gd name="connsiteX3" fmla="*/ 3775075 w 3778837"/>
              <a:gd name="connsiteY3" fmla="*/ 3399808 h 3399808"/>
              <a:gd name="connsiteX4" fmla="*/ 0 w 3778837"/>
              <a:gd name="connsiteY4" fmla="*/ 3399808 h 3399808"/>
              <a:gd name="connsiteX5" fmla="*/ 0 w 3778837"/>
              <a:gd name="connsiteY5" fmla="*/ 0 h 3399808"/>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277805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277805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88289 w 3782460"/>
              <a:gd name="connsiteY0" fmla="*/ 0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88289 w 3782460"/>
              <a:gd name="connsiteY6" fmla="*/ 0 h 3407333"/>
              <a:gd name="connsiteX0" fmla="*/ 35902 w 3797806"/>
              <a:gd name="connsiteY0" fmla="*/ 8467 h 3407333"/>
              <a:gd name="connsiteX1" fmla="*/ 1838245 w 3797806"/>
              <a:gd name="connsiteY1" fmla="*/ 652 h 3407333"/>
              <a:gd name="connsiteX2" fmla="*/ 3794044 w 3797806"/>
              <a:gd name="connsiteY2" fmla="*/ 0 h 3407333"/>
              <a:gd name="connsiteX3" fmla="*/ 3794044 w 3797806"/>
              <a:gd name="connsiteY3" fmla="*/ 3399808 h 3407333"/>
              <a:gd name="connsiteX4" fmla="*/ 18969 w 3797806"/>
              <a:gd name="connsiteY4" fmla="*/ 3399808 h 3407333"/>
              <a:gd name="connsiteX5" fmla="*/ 26378 w 3797806"/>
              <a:gd name="connsiteY5" fmla="*/ 517118 h 3407333"/>
              <a:gd name="connsiteX6" fmla="*/ 35902 w 3797806"/>
              <a:gd name="connsiteY6" fmla="*/ 8467 h 3407333"/>
              <a:gd name="connsiteX0" fmla="*/ 20556 w 3782460"/>
              <a:gd name="connsiteY0" fmla="*/ 8467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9547"/>
              <a:gd name="connsiteX1" fmla="*/ 1907566 w 3782460"/>
              <a:gd name="connsiteY1" fmla="*/ 9119 h 3409547"/>
              <a:gd name="connsiteX2" fmla="*/ 3778698 w 3782460"/>
              <a:gd name="connsiteY2" fmla="*/ 0 h 3409547"/>
              <a:gd name="connsiteX3" fmla="*/ 3778698 w 3782460"/>
              <a:gd name="connsiteY3" fmla="*/ 3399808 h 3409547"/>
              <a:gd name="connsiteX4" fmla="*/ 3623 w 3782460"/>
              <a:gd name="connsiteY4" fmla="*/ 3399808 h 3409547"/>
              <a:gd name="connsiteX5" fmla="*/ 11032 w 3782460"/>
              <a:gd name="connsiteY5" fmla="*/ 517118 h 3409547"/>
              <a:gd name="connsiteX6" fmla="*/ 20556 w 3782460"/>
              <a:gd name="connsiteY6" fmla="*/ 8467 h 3409547"/>
              <a:gd name="connsiteX0" fmla="*/ 20556 w 3785305"/>
              <a:gd name="connsiteY0" fmla="*/ 8467 h 3409547"/>
              <a:gd name="connsiteX1" fmla="*/ 1907566 w 3785305"/>
              <a:gd name="connsiteY1" fmla="*/ 9119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24391 h 3425471"/>
              <a:gd name="connsiteX1" fmla="*/ 1907566 w 3785305"/>
              <a:gd name="connsiteY1" fmla="*/ 0 h 3425471"/>
              <a:gd name="connsiteX2" fmla="*/ 3778698 w 3785305"/>
              <a:gd name="connsiteY2" fmla="*/ 15924 h 3425471"/>
              <a:gd name="connsiteX3" fmla="*/ 3778698 w 3785305"/>
              <a:gd name="connsiteY3" fmla="*/ 3415732 h 3425471"/>
              <a:gd name="connsiteX4" fmla="*/ 3623 w 3785305"/>
              <a:gd name="connsiteY4" fmla="*/ 3415732 h 3425471"/>
              <a:gd name="connsiteX5" fmla="*/ 11032 w 3785305"/>
              <a:gd name="connsiteY5" fmla="*/ 533042 h 3425471"/>
              <a:gd name="connsiteX6" fmla="*/ 20556 w 3785305"/>
              <a:gd name="connsiteY6" fmla="*/ 24391 h 3425471"/>
              <a:gd name="connsiteX0" fmla="*/ 20556 w 3785305"/>
              <a:gd name="connsiteY0" fmla="*/ 8467 h 3409547"/>
              <a:gd name="connsiteX1" fmla="*/ 1825236 w 3785305"/>
              <a:gd name="connsiteY1" fmla="*/ 771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8467 h 3409547"/>
              <a:gd name="connsiteX1" fmla="*/ 1825236 w 3785305"/>
              <a:gd name="connsiteY1" fmla="*/ 771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8467 h 3409547"/>
              <a:gd name="connsiteX1" fmla="*/ 1825236 w 3785305"/>
              <a:gd name="connsiteY1" fmla="*/ 771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8467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20556 w 3785305"/>
              <a:gd name="connsiteY5" fmla="*/ 8467 h 3409547"/>
              <a:gd name="connsiteX0" fmla="*/ 20556 w 3785305"/>
              <a:gd name="connsiteY0" fmla="*/ 17001 h 3418081"/>
              <a:gd name="connsiteX1" fmla="*/ 3778698 w 3785305"/>
              <a:gd name="connsiteY1" fmla="*/ 8534 h 3418081"/>
              <a:gd name="connsiteX2" fmla="*/ 3778698 w 3785305"/>
              <a:gd name="connsiteY2" fmla="*/ 3408342 h 3418081"/>
              <a:gd name="connsiteX3" fmla="*/ 3623 w 3785305"/>
              <a:gd name="connsiteY3" fmla="*/ 3408342 h 3418081"/>
              <a:gd name="connsiteX4" fmla="*/ 11032 w 3785305"/>
              <a:gd name="connsiteY4" fmla="*/ 525652 h 3418081"/>
              <a:gd name="connsiteX5" fmla="*/ 20556 w 3785305"/>
              <a:gd name="connsiteY5" fmla="*/ 17001 h 3418081"/>
              <a:gd name="connsiteX0" fmla="*/ 20556 w 3785305"/>
              <a:gd name="connsiteY0" fmla="*/ 8467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20556 w 3785305"/>
              <a:gd name="connsiteY5" fmla="*/ 8467 h 3409547"/>
              <a:gd name="connsiteX0" fmla="*/ 20556 w 3785305"/>
              <a:gd name="connsiteY0" fmla="*/ 8467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20556 w 3785305"/>
              <a:gd name="connsiteY5" fmla="*/ 8467 h 3409547"/>
              <a:gd name="connsiteX0" fmla="*/ 5587 w 3785305"/>
              <a:gd name="connsiteY0" fmla="*/ 11882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5587 w 3785305"/>
              <a:gd name="connsiteY5" fmla="*/ 11882 h 3409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785305" h="3409547">
                <a:moveTo>
                  <a:pt x="5587" y="11882"/>
                </a:moveTo>
                <a:lnTo>
                  <a:pt x="3778698" y="0"/>
                </a:lnTo>
                <a:cubicBezTo>
                  <a:pt x="3787164" y="108803"/>
                  <a:pt x="3787846" y="1966030"/>
                  <a:pt x="3778698" y="3399808"/>
                </a:cubicBezTo>
                <a:cubicBezTo>
                  <a:pt x="2816673" y="3416741"/>
                  <a:pt x="804591" y="3408156"/>
                  <a:pt x="3623" y="3399808"/>
                </a:cubicBezTo>
                <a:cubicBezTo>
                  <a:pt x="-7665" y="3090104"/>
                  <a:pt x="11032" y="1083753"/>
                  <a:pt x="11032" y="517118"/>
                </a:cubicBezTo>
                <a:cubicBezTo>
                  <a:pt x="11032" y="-49517"/>
                  <a:pt x="310" y="114948"/>
                  <a:pt x="5587" y="11882"/>
                </a:cubicBezTo>
                <a:close/>
              </a:path>
            </a:pathLst>
          </a:custGeom>
          <a:solidFill>
            <a:schemeClr val="accent4"/>
          </a:solidFill>
        </p:spPr>
        <p:txBody>
          <a:bodyPr lIns="180000" tIns="180000" rIns="180000" bIns="180000"/>
          <a:lstStyle>
            <a:lvl1pPr marL="0" indent="0">
              <a:buNone/>
              <a:tabLst/>
              <a:defRPr sz="1600">
                <a:solidFill>
                  <a:schemeClr val="tx1"/>
                </a:solidFill>
                <a:latin typeface="+mn-lt"/>
              </a:defRPr>
            </a:lvl1pPr>
            <a:lvl2pPr marL="225425" indent="-90488">
              <a:tabLst/>
              <a:defRPr sz="1100"/>
            </a:lvl2pPr>
          </a:lstStyle>
          <a:p>
            <a:pPr marL="0" marR="0" lvl="0" indent="0" algn="l" defTabSz="914400" rtl="0" eaLnBrk="1" fontAlgn="auto" latinLnBrk="0" hangingPunct="1">
              <a:lnSpc>
                <a:spcPct val="105000"/>
              </a:lnSpc>
              <a:spcBef>
                <a:spcPts val="800"/>
              </a:spcBef>
              <a:spcAft>
                <a:spcPts val="0"/>
              </a:spcAft>
              <a:buClr>
                <a:srgbClr val="F7673B"/>
              </a:buClr>
              <a:buSzTx/>
              <a:buFont typeface="Arial" panose="020B0604020202020204" pitchFamily="34" charset="0"/>
              <a:buNone/>
              <a:tabLst/>
              <a:defRPr/>
            </a:pPr>
            <a:r>
              <a:rPr kumimoji="0" lang="en-GB" sz="1600" b="0" i="0" u="none" strike="noStrike" kern="1000" cap="none" spc="-40" normalizeH="0" baseline="0" noProof="0">
                <a:ln>
                  <a:noFill/>
                </a:ln>
                <a:solidFill>
                  <a:srgbClr val="0F3D51"/>
                </a:solidFill>
                <a:effectLst/>
                <a:uLnTx/>
                <a:uFillTx/>
                <a:latin typeface="Cadiz Book"/>
                <a:ea typeface="+mn-ea"/>
                <a:cs typeface="+mn-cs"/>
              </a:rPr>
              <a:t>Summarise the factors that affect/ enable/promote/hinder etc the customer with accomplishing their ambition. E.g.: Is the demand for certain resources scarce in the market? Are competitors pushing into the same segment? Could there be internal challenges like siloed work, legacy tech, convincing the right people of the importance of the work, lack of customer insight etc?</a:t>
            </a:r>
          </a:p>
        </p:txBody>
      </p:sp>
      <p:sp>
        <p:nvSpPr>
          <p:cNvPr id="29" name="Text Placeholder 10">
            <a:extLst>
              <a:ext uri="{FF2B5EF4-FFF2-40B4-BE49-F238E27FC236}">
                <a16:creationId xmlns:a16="http://schemas.microsoft.com/office/drawing/2014/main" id="{40C0FDAC-B596-C541-DBE5-AD5B12DBC9F9}"/>
              </a:ext>
            </a:extLst>
          </p:cNvPr>
          <p:cNvSpPr>
            <a:spLocks noGrp="1"/>
          </p:cNvSpPr>
          <p:nvPr>
            <p:ph type="body" sz="quarter" idx="27" hasCustomPrompt="1"/>
          </p:nvPr>
        </p:nvSpPr>
        <p:spPr>
          <a:xfrm>
            <a:off x="7989680" y="2335177"/>
            <a:ext cx="3187838" cy="204680"/>
          </a:xfrm>
          <a:prstGeom prst="rect">
            <a:avLst/>
          </a:prstGeom>
        </p:spPr>
        <p:txBody>
          <a:bodyPr lIns="0" tIns="0" rIns="0" bIns="0" anchor="t"/>
          <a:lstStyle>
            <a:lvl1pPr marL="0" indent="0">
              <a:spcBef>
                <a:spcPts val="0"/>
              </a:spcBef>
              <a:buNone/>
              <a:defRPr sz="1000" spc="0">
                <a:solidFill>
                  <a:schemeClr val="tx2"/>
                </a:solidFill>
                <a:latin typeface="+mn-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GOVERNING QUESTION</a:t>
            </a:r>
          </a:p>
        </p:txBody>
      </p:sp>
      <p:sp>
        <p:nvSpPr>
          <p:cNvPr id="21" name="Text Placeholder 2">
            <a:extLst>
              <a:ext uri="{FF2B5EF4-FFF2-40B4-BE49-F238E27FC236}">
                <a16:creationId xmlns:a16="http://schemas.microsoft.com/office/drawing/2014/main" id="{7ECC9F89-552A-6E02-EBE5-EC76228CDE75}"/>
              </a:ext>
            </a:extLst>
          </p:cNvPr>
          <p:cNvSpPr>
            <a:spLocks noGrp="1"/>
          </p:cNvSpPr>
          <p:nvPr>
            <p:ph type="body" sz="quarter" idx="25" hasCustomPrompt="1"/>
          </p:nvPr>
        </p:nvSpPr>
        <p:spPr>
          <a:xfrm>
            <a:off x="7989967" y="2852615"/>
            <a:ext cx="3500817" cy="3455987"/>
          </a:xfrm>
          <a:custGeom>
            <a:avLst/>
            <a:gdLst>
              <a:gd name="connsiteX0" fmla="*/ 0 w 3775075"/>
              <a:gd name="connsiteY0" fmla="*/ 0 h 3399808"/>
              <a:gd name="connsiteX1" fmla="*/ 3775075 w 3775075"/>
              <a:gd name="connsiteY1" fmla="*/ 0 h 3399808"/>
              <a:gd name="connsiteX2" fmla="*/ 3775075 w 3775075"/>
              <a:gd name="connsiteY2" fmla="*/ 3399808 h 3399808"/>
              <a:gd name="connsiteX3" fmla="*/ 0 w 3775075"/>
              <a:gd name="connsiteY3" fmla="*/ 3399808 h 3399808"/>
              <a:gd name="connsiteX4" fmla="*/ 0 w 3775075"/>
              <a:gd name="connsiteY4" fmla="*/ 0 h 3399808"/>
              <a:gd name="connsiteX0" fmla="*/ 0 w 3775075"/>
              <a:gd name="connsiteY0" fmla="*/ 0 h 3399808"/>
              <a:gd name="connsiteX1" fmla="*/ 1819276 w 3775075"/>
              <a:gd name="connsiteY1" fmla="*/ 652 h 3399808"/>
              <a:gd name="connsiteX2" fmla="*/ 3775075 w 3775075"/>
              <a:gd name="connsiteY2" fmla="*/ 0 h 3399808"/>
              <a:gd name="connsiteX3" fmla="*/ 3775075 w 3775075"/>
              <a:gd name="connsiteY3" fmla="*/ 3399808 h 3399808"/>
              <a:gd name="connsiteX4" fmla="*/ 0 w 3775075"/>
              <a:gd name="connsiteY4" fmla="*/ 3399808 h 3399808"/>
              <a:gd name="connsiteX5" fmla="*/ 0 w 3775075"/>
              <a:gd name="connsiteY5" fmla="*/ 0 h 3399808"/>
              <a:gd name="connsiteX0" fmla="*/ 0 w 3778837"/>
              <a:gd name="connsiteY0" fmla="*/ 0 h 3399808"/>
              <a:gd name="connsiteX1" fmla="*/ 1819276 w 3778837"/>
              <a:gd name="connsiteY1" fmla="*/ 652 h 3399808"/>
              <a:gd name="connsiteX2" fmla="*/ 3775075 w 3778837"/>
              <a:gd name="connsiteY2" fmla="*/ 0 h 3399808"/>
              <a:gd name="connsiteX3" fmla="*/ 3775075 w 3778837"/>
              <a:gd name="connsiteY3" fmla="*/ 3399808 h 3399808"/>
              <a:gd name="connsiteX4" fmla="*/ 0 w 3778837"/>
              <a:gd name="connsiteY4" fmla="*/ 3399808 h 3399808"/>
              <a:gd name="connsiteX5" fmla="*/ 0 w 3778837"/>
              <a:gd name="connsiteY5" fmla="*/ 0 h 3399808"/>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277805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277805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88289 w 3782460"/>
              <a:gd name="connsiteY0" fmla="*/ 0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88289 w 3782460"/>
              <a:gd name="connsiteY6" fmla="*/ 0 h 3407333"/>
              <a:gd name="connsiteX0" fmla="*/ 35902 w 3797806"/>
              <a:gd name="connsiteY0" fmla="*/ 8467 h 3407333"/>
              <a:gd name="connsiteX1" fmla="*/ 1838245 w 3797806"/>
              <a:gd name="connsiteY1" fmla="*/ 652 h 3407333"/>
              <a:gd name="connsiteX2" fmla="*/ 3794044 w 3797806"/>
              <a:gd name="connsiteY2" fmla="*/ 0 h 3407333"/>
              <a:gd name="connsiteX3" fmla="*/ 3794044 w 3797806"/>
              <a:gd name="connsiteY3" fmla="*/ 3399808 h 3407333"/>
              <a:gd name="connsiteX4" fmla="*/ 18969 w 3797806"/>
              <a:gd name="connsiteY4" fmla="*/ 3399808 h 3407333"/>
              <a:gd name="connsiteX5" fmla="*/ 26378 w 3797806"/>
              <a:gd name="connsiteY5" fmla="*/ 517118 h 3407333"/>
              <a:gd name="connsiteX6" fmla="*/ 35902 w 3797806"/>
              <a:gd name="connsiteY6" fmla="*/ 8467 h 3407333"/>
              <a:gd name="connsiteX0" fmla="*/ 20556 w 3782460"/>
              <a:gd name="connsiteY0" fmla="*/ 8467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9412 w 3786286"/>
              <a:gd name="connsiteY0" fmla="*/ 11882 h 3407333"/>
              <a:gd name="connsiteX1" fmla="*/ 1911392 w 3786286"/>
              <a:gd name="connsiteY1" fmla="*/ 9119 h 3407333"/>
              <a:gd name="connsiteX2" fmla="*/ 3782524 w 3786286"/>
              <a:gd name="connsiteY2" fmla="*/ 0 h 3407333"/>
              <a:gd name="connsiteX3" fmla="*/ 3782524 w 3786286"/>
              <a:gd name="connsiteY3" fmla="*/ 3399808 h 3407333"/>
              <a:gd name="connsiteX4" fmla="*/ 7449 w 3786286"/>
              <a:gd name="connsiteY4" fmla="*/ 3399808 h 3407333"/>
              <a:gd name="connsiteX5" fmla="*/ 14858 w 3786286"/>
              <a:gd name="connsiteY5" fmla="*/ 517118 h 3407333"/>
              <a:gd name="connsiteX6" fmla="*/ 9412 w 3786286"/>
              <a:gd name="connsiteY6" fmla="*/ 11882 h 3407333"/>
              <a:gd name="connsiteX0" fmla="*/ 5586 w 3782460"/>
              <a:gd name="connsiteY0" fmla="*/ 11882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5586 w 3782460"/>
              <a:gd name="connsiteY6" fmla="*/ 11882 h 3407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782460" h="3407333">
                <a:moveTo>
                  <a:pt x="5586" y="11882"/>
                </a:moveTo>
                <a:lnTo>
                  <a:pt x="1907566" y="9119"/>
                </a:lnTo>
                <a:lnTo>
                  <a:pt x="3778698" y="0"/>
                </a:lnTo>
                <a:cubicBezTo>
                  <a:pt x="3787164" y="108803"/>
                  <a:pt x="3778698" y="2266539"/>
                  <a:pt x="3778698" y="3399808"/>
                </a:cubicBezTo>
                <a:cubicBezTo>
                  <a:pt x="2816673" y="3416741"/>
                  <a:pt x="1261981" y="3399808"/>
                  <a:pt x="3623" y="3399808"/>
                </a:cubicBezTo>
                <a:cubicBezTo>
                  <a:pt x="-7665" y="3090104"/>
                  <a:pt x="11032" y="1083753"/>
                  <a:pt x="11032" y="517118"/>
                </a:cubicBezTo>
                <a:cubicBezTo>
                  <a:pt x="11032" y="-49517"/>
                  <a:pt x="-3434" y="70557"/>
                  <a:pt x="5586" y="11882"/>
                </a:cubicBezTo>
                <a:close/>
              </a:path>
            </a:pathLst>
          </a:custGeom>
          <a:solidFill>
            <a:schemeClr val="tx1"/>
          </a:solidFill>
        </p:spPr>
        <p:txBody>
          <a:bodyPr lIns="180000" tIns="180000" rIns="180000" bIns="180000"/>
          <a:lstStyle>
            <a:lvl1pPr marL="0" indent="0">
              <a:buNone/>
              <a:tabLst/>
              <a:defRPr sz="1600">
                <a:solidFill>
                  <a:schemeClr val="bg1"/>
                </a:solidFill>
                <a:latin typeface="+mn-lt"/>
              </a:defRPr>
            </a:lvl1pPr>
            <a:lvl2pPr marL="225425" indent="-90488">
              <a:tabLst/>
              <a:defRPr sz="1100"/>
            </a:lvl2pPr>
          </a:lstStyle>
          <a:p>
            <a:pPr marL="0" indent="0">
              <a:lnSpc>
                <a:spcPct val="105000"/>
              </a:lnSpc>
              <a:spcBef>
                <a:spcPts val="800"/>
              </a:spcBef>
              <a:buNone/>
            </a:pPr>
            <a:r>
              <a:rPr lang="en-GB" sz="1600">
                <a:solidFill>
                  <a:schemeClr val="bg1"/>
                </a:solidFill>
              </a:rPr>
              <a:t>Write encapsulation of what we should achieve, or the essential thing we want to have answered. E.g.: What needs to be solved? Make it on point and ideally include </a:t>
            </a:r>
            <a:r>
              <a:rPr lang="en-GB" sz="1600" err="1">
                <a:solidFill>
                  <a:schemeClr val="bg1"/>
                </a:solidFill>
              </a:rPr>
              <a:t>Gofore</a:t>
            </a:r>
            <a:r>
              <a:rPr lang="en-GB" sz="1600">
                <a:solidFill>
                  <a:schemeClr val="bg1"/>
                </a:solidFill>
              </a:rPr>
              <a:t> in the question, like: "How can Company &amp; </a:t>
            </a:r>
            <a:r>
              <a:rPr lang="en-GB" sz="1600" err="1">
                <a:solidFill>
                  <a:schemeClr val="bg1"/>
                </a:solidFill>
              </a:rPr>
              <a:t>Gofore</a:t>
            </a:r>
            <a:r>
              <a:rPr lang="en-GB" sz="1600">
                <a:solidFill>
                  <a:schemeClr val="bg1"/>
                </a:solidFill>
              </a:rPr>
              <a:t> enable xxx, solve xxx, or make xxx happen?</a:t>
            </a:r>
          </a:p>
        </p:txBody>
      </p:sp>
      <p:cxnSp>
        <p:nvCxnSpPr>
          <p:cNvPr id="25" name="Straight Connector 24">
            <a:extLst>
              <a:ext uri="{FF2B5EF4-FFF2-40B4-BE49-F238E27FC236}">
                <a16:creationId xmlns:a16="http://schemas.microsoft.com/office/drawing/2014/main" id="{AA4ED7F2-13EF-286B-E425-C20EF93BF19E}"/>
              </a:ext>
              <a:ext uri="{C183D7F6-B498-43B3-948B-1728B52AA6E4}">
                <adec:decorative xmlns:adec="http://schemas.microsoft.com/office/drawing/2017/decorative" val="1"/>
              </a:ext>
            </a:extLst>
          </p:cNvPr>
          <p:cNvCxnSpPr>
            <a:cxnSpLocks/>
          </p:cNvCxnSpPr>
          <p:nvPr userDrawn="1"/>
        </p:nvCxnSpPr>
        <p:spPr>
          <a:xfrm>
            <a:off x="4323393" y="2417114"/>
            <a:ext cx="230118" cy="0"/>
          </a:xfrm>
          <a:prstGeom prst="line">
            <a:avLst/>
          </a:prstGeom>
          <a:ln w="12700">
            <a:headEnd type="none" w="med" len="med"/>
            <a:tailEnd type="arrow" w="med" len="med"/>
          </a:ln>
        </p:spPr>
        <p:style>
          <a:lnRef idx="1">
            <a:schemeClr val="accent1"/>
          </a:lnRef>
          <a:fillRef idx="0">
            <a:schemeClr val="accent1"/>
          </a:fillRef>
          <a:effectRef idx="0">
            <a:schemeClr val="accent1"/>
          </a:effectRef>
          <a:fontRef idx="minor">
            <a:schemeClr val="tx1"/>
          </a:fontRef>
        </p:style>
      </p:cxnSp>
      <p:sp>
        <p:nvSpPr>
          <p:cNvPr id="26" name="Freeform 25">
            <a:extLst>
              <a:ext uri="{FF2B5EF4-FFF2-40B4-BE49-F238E27FC236}">
                <a16:creationId xmlns:a16="http://schemas.microsoft.com/office/drawing/2014/main" id="{BEE2EF14-5BF6-6765-F25E-D4B4D178497F}"/>
              </a:ext>
              <a:ext uri="{C183D7F6-B498-43B3-948B-1728B52AA6E4}">
                <adec:decorative xmlns:adec="http://schemas.microsoft.com/office/drawing/2017/decorative" val="1"/>
              </a:ext>
            </a:extLst>
          </p:cNvPr>
          <p:cNvSpPr/>
          <p:nvPr userDrawn="1"/>
        </p:nvSpPr>
        <p:spPr>
          <a:xfrm>
            <a:off x="703638" y="2211142"/>
            <a:ext cx="230082" cy="204679"/>
          </a:xfrm>
          <a:custGeom>
            <a:avLst/>
            <a:gdLst>
              <a:gd name="connsiteX0" fmla="*/ 12470 w 152402"/>
              <a:gd name="connsiteY0" fmla="*/ 0 h 160478"/>
              <a:gd name="connsiteX1" fmla="*/ 12470 w 152402"/>
              <a:gd name="connsiteY1" fmla="*/ 136800 h 160478"/>
              <a:gd name="connsiteX2" fmla="*/ 142070 w 152402"/>
              <a:gd name="connsiteY2" fmla="*/ 158400 h 160478"/>
              <a:gd name="connsiteX3" fmla="*/ 134870 w 152402"/>
              <a:gd name="connsiteY3" fmla="*/ 158400 h 160478"/>
              <a:gd name="connsiteX0" fmla="*/ 12470 w 244725"/>
              <a:gd name="connsiteY0" fmla="*/ 15956 h 174410"/>
              <a:gd name="connsiteX1" fmla="*/ 12470 w 244725"/>
              <a:gd name="connsiteY1" fmla="*/ 152756 h 174410"/>
              <a:gd name="connsiteX2" fmla="*/ 142070 w 244725"/>
              <a:gd name="connsiteY2" fmla="*/ 174356 h 174410"/>
              <a:gd name="connsiteX3" fmla="*/ 243358 w 244725"/>
              <a:gd name="connsiteY3" fmla="*/ 0 h 174410"/>
              <a:gd name="connsiteX0" fmla="*/ 12470 w 225661"/>
              <a:gd name="connsiteY0" fmla="*/ 0 h 160478"/>
              <a:gd name="connsiteX1" fmla="*/ 12470 w 225661"/>
              <a:gd name="connsiteY1" fmla="*/ 136800 h 160478"/>
              <a:gd name="connsiteX2" fmla="*/ 142070 w 225661"/>
              <a:gd name="connsiteY2" fmla="*/ 158400 h 160478"/>
              <a:gd name="connsiteX3" fmla="*/ 223985 w 225661"/>
              <a:gd name="connsiteY3" fmla="*/ 158400 h 160478"/>
              <a:gd name="connsiteX0" fmla="*/ 12470 w 181097"/>
              <a:gd name="connsiteY0" fmla="*/ 0 h 160478"/>
              <a:gd name="connsiteX1" fmla="*/ 12470 w 181097"/>
              <a:gd name="connsiteY1" fmla="*/ 136800 h 160478"/>
              <a:gd name="connsiteX2" fmla="*/ 142070 w 181097"/>
              <a:gd name="connsiteY2" fmla="*/ 158400 h 160478"/>
              <a:gd name="connsiteX3" fmla="*/ 177490 w 181097"/>
              <a:gd name="connsiteY3" fmla="*/ 158400 h 160478"/>
              <a:gd name="connsiteX0" fmla="*/ 9280 w 175976"/>
              <a:gd name="connsiteY0" fmla="*/ 0 h 251489"/>
              <a:gd name="connsiteX1" fmla="*/ 9280 w 175976"/>
              <a:gd name="connsiteY1" fmla="*/ 136800 h 251489"/>
              <a:gd name="connsiteX2" fmla="*/ 92385 w 175976"/>
              <a:gd name="connsiteY2" fmla="*/ 251390 h 251489"/>
              <a:gd name="connsiteX3" fmla="*/ 174300 w 175976"/>
              <a:gd name="connsiteY3" fmla="*/ 158400 h 251489"/>
              <a:gd name="connsiteX0" fmla="*/ 9280 w 175976"/>
              <a:gd name="connsiteY0" fmla="*/ 0 h 166953"/>
              <a:gd name="connsiteX1" fmla="*/ 9280 w 175976"/>
              <a:gd name="connsiteY1" fmla="*/ 136800 h 166953"/>
              <a:gd name="connsiteX2" fmla="*/ 92385 w 175976"/>
              <a:gd name="connsiteY2" fmla="*/ 166149 h 166953"/>
              <a:gd name="connsiteX3" fmla="*/ 174300 w 175976"/>
              <a:gd name="connsiteY3" fmla="*/ 158400 h 166953"/>
              <a:gd name="connsiteX0" fmla="*/ 4941 w 171637"/>
              <a:gd name="connsiteY0" fmla="*/ 0 h 166953"/>
              <a:gd name="connsiteX1" fmla="*/ 4941 w 171637"/>
              <a:gd name="connsiteY1" fmla="*/ 136800 h 166953"/>
              <a:gd name="connsiteX2" fmla="*/ 88046 w 171637"/>
              <a:gd name="connsiteY2" fmla="*/ 166149 h 166953"/>
              <a:gd name="connsiteX3" fmla="*/ 169961 w 171637"/>
              <a:gd name="connsiteY3" fmla="*/ 158400 h 166953"/>
              <a:gd name="connsiteX0" fmla="*/ 7743 w 177968"/>
              <a:gd name="connsiteY0" fmla="*/ 0 h 139162"/>
              <a:gd name="connsiteX1" fmla="*/ 11272 w 177968"/>
              <a:gd name="connsiteY1" fmla="*/ 109009 h 139162"/>
              <a:gd name="connsiteX2" fmla="*/ 94377 w 177968"/>
              <a:gd name="connsiteY2" fmla="*/ 138358 h 139162"/>
              <a:gd name="connsiteX3" fmla="*/ 176292 w 177968"/>
              <a:gd name="connsiteY3" fmla="*/ 130609 h 139162"/>
              <a:gd name="connsiteX0" fmla="*/ 3887 w 174112"/>
              <a:gd name="connsiteY0" fmla="*/ 0 h 139162"/>
              <a:gd name="connsiteX1" fmla="*/ 7416 w 174112"/>
              <a:gd name="connsiteY1" fmla="*/ 109009 h 139162"/>
              <a:gd name="connsiteX2" fmla="*/ 90521 w 174112"/>
              <a:gd name="connsiteY2" fmla="*/ 138358 h 139162"/>
              <a:gd name="connsiteX3" fmla="*/ 172436 w 174112"/>
              <a:gd name="connsiteY3" fmla="*/ 130609 h 139162"/>
              <a:gd name="connsiteX0" fmla="*/ 0 w 170225"/>
              <a:gd name="connsiteY0" fmla="*/ 0 h 139162"/>
              <a:gd name="connsiteX1" fmla="*/ 3529 w 170225"/>
              <a:gd name="connsiteY1" fmla="*/ 109009 h 139162"/>
              <a:gd name="connsiteX2" fmla="*/ 86634 w 170225"/>
              <a:gd name="connsiteY2" fmla="*/ 138358 h 139162"/>
              <a:gd name="connsiteX3" fmla="*/ 168549 w 170225"/>
              <a:gd name="connsiteY3" fmla="*/ 130609 h 139162"/>
              <a:gd name="connsiteX0" fmla="*/ 3949 w 174192"/>
              <a:gd name="connsiteY0" fmla="*/ 0 h 130987"/>
              <a:gd name="connsiteX1" fmla="*/ 7478 w 174192"/>
              <a:gd name="connsiteY1" fmla="*/ 109009 h 130987"/>
              <a:gd name="connsiteX2" fmla="*/ 91465 w 174192"/>
              <a:gd name="connsiteY2" fmla="*/ 123801 h 130987"/>
              <a:gd name="connsiteX3" fmla="*/ 172498 w 174192"/>
              <a:gd name="connsiteY3" fmla="*/ 130609 h 130987"/>
              <a:gd name="connsiteX0" fmla="*/ 483 w 170095"/>
              <a:gd name="connsiteY0" fmla="*/ 0 h 137936"/>
              <a:gd name="connsiteX1" fmla="*/ 4012 w 170095"/>
              <a:gd name="connsiteY1" fmla="*/ 109009 h 137936"/>
              <a:gd name="connsiteX2" fmla="*/ 37710 w 170095"/>
              <a:gd name="connsiteY2" fmla="*/ 137035 h 137936"/>
              <a:gd name="connsiteX3" fmla="*/ 169032 w 170095"/>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93569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84305 h 137936"/>
              <a:gd name="connsiteX2" fmla="*/ 37227 w 169612"/>
              <a:gd name="connsiteY2" fmla="*/ 137035 h 137936"/>
              <a:gd name="connsiteX3" fmla="*/ 168549 w 169612"/>
              <a:gd name="connsiteY3" fmla="*/ 130609 h 137936"/>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784 w 170469"/>
              <a:gd name="connsiteY0" fmla="*/ 0 h 131821"/>
              <a:gd name="connsiteX1" fmla="*/ 3872 w 170469"/>
              <a:gd name="connsiteY1" fmla="*/ 84305 h 131821"/>
              <a:gd name="connsiteX2" fmla="*/ 39334 w 170469"/>
              <a:gd name="connsiteY2" fmla="*/ 131300 h 131821"/>
              <a:gd name="connsiteX3" fmla="*/ 169333 w 170469"/>
              <a:gd name="connsiteY3" fmla="*/ 130609 h 131821"/>
              <a:gd name="connsiteX0" fmla="*/ 0 w 169685"/>
              <a:gd name="connsiteY0" fmla="*/ 0 h 131821"/>
              <a:gd name="connsiteX1" fmla="*/ 3088 w 169685"/>
              <a:gd name="connsiteY1" fmla="*/ 84305 h 131821"/>
              <a:gd name="connsiteX2" fmla="*/ 38550 w 169685"/>
              <a:gd name="connsiteY2" fmla="*/ 131300 h 131821"/>
              <a:gd name="connsiteX3" fmla="*/ 168549 w 169685"/>
              <a:gd name="connsiteY3" fmla="*/ 130609 h 131821"/>
              <a:gd name="connsiteX0" fmla="*/ 0 w 119283"/>
              <a:gd name="connsiteY0" fmla="*/ 0 h 132065"/>
              <a:gd name="connsiteX1" fmla="*/ 3088 w 119283"/>
              <a:gd name="connsiteY1" fmla="*/ 84305 h 132065"/>
              <a:gd name="connsiteX2" fmla="*/ 38550 w 119283"/>
              <a:gd name="connsiteY2" fmla="*/ 131300 h 132065"/>
              <a:gd name="connsiteX3" fmla="*/ 117378 w 119283"/>
              <a:gd name="connsiteY3" fmla="*/ 131050 h 132065"/>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07673"/>
              <a:gd name="connsiteY0" fmla="*/ 0 h 131711"/>
              <a:gd name="connsiteX1" fmla="*/ 3088 w 107673"/>
              <a:gd name="connsiteY1" fmla="*/ 84305 h 131711"/>
              <a:gd name="connsiteX2" fmla="*/ 38550 w 107673"/>
              <a:gd name="connsiteY2" fmla="*/ 131300 h 131711"/>
              <a:gd name="connsiteX3" fmla="*/ 107673 w 107673"/>
              <a:gd name="connsiteY3" fmla="*/ 131050 h 131711"/>
              <a:gd name="connsiteX0" fmla="*/ 1731 w 107639"/>
              <a:gd name="connsiteY0" fmla="*/ 0 h 94215"/>
              <a:gd name="connsiteX1" fmla="*/ 3054 w 107639"/>
              <a:gd name="connsiteY1" fmla="*/ 46809 h 94215"/>
              <a:gd name="connsiteX2" fmla="*/ 38516 w 107639"/>
              <a:gd name="connsiteY2" fmla="*/ 93804 h 94215"/>
              <a:gd name="connsiteX3" fmla="*/ 107639 w 107639"/>
              <a:gd name="connsiteY3" fmla="*/ 93554 h 94215"/>
              <a:gd name="connsiteX0" fmla="*/ 1615 w 107523"/>
              <a:gd name="connsiteY0" fmla="*/ 0 h 94215"/>
              <a:gd name="connsiteX1" fmla="*/ 2938 w 107523"/>
              <a:gd name="connsiteY1" fmla="*/ 46809 h 94215"/>
              <a:gd name="connsiteX2" fmla="*/ 38400 w 107523"/>
              <a:gd name="connsiteY2" fmla="*/ 93804 h 94215"/>
              <a:gd name="connsiteX3" fmla="*/ 107523 w 107523"/>
              <a:gd name="connsiteY3" fmla="*/ 93554 h 94215"/>
              <a:gd name="connsiteX0" fmla="*/ 0 w 105908"/>
              <a:gd name="connsiteY0" fmla="*/ 0 h 94215"/>
              <a:gd name="connsiteX1" fmla="*/ 1323 w 105908"/>
              <a:gd name="connsiteY1" fmla="*/ 46809 h 94215"/>
              <a:gd name="connsiteX2" fmla="*/ 36785 w 105908"/>
              <a:gd name="connsiteY2" fmla="*/ 93804 h 94215"/>
              <a:gd name="connsiteX3" fmla="*/ 105908 w 105908"/>
              <a:gd name="connsiteY3" fmla="*/ 93554 h 94215"/>
              <a:gd name="connsiteX0" fmla="*/ 0 w 105908"/>
              <a:gd name="connsiteY0" fmla="*/ 0 h 94215"/>
              <a:gd name="connsiteX1" fmla="*/ 1323 w 105908"/>
              <a:gd name="connsiteY1" fmla="*/ 57396 h 94215"/>
              <a:gd name="connsiteX2" fmla="*/ 36785 w 105908"/>
              <a:gd name="connsiteY2" fmla="*/ 93804 h 94215"/>
              <a:gd name="connsiteX3" fmla="*/ 105908 w 105908"/>
              <a:gd name="connsiteY3" fmla="*/ 93554 h 94215"/>
            </a:gdLst>
            <a:ahLst/>
            <a:cxnLst>
              <a:cxn ang="0">
                <a:pos x="connsiteX0" y="connsiteY0"/>
              </a:cxn>
              <a:cxn ang="0">
                <a:pos x="connsiteX1" y="connsiteY1"/>
              </a:cxn>
              <a:cxn ang="0">
                <a:pos x="connsiteX2" y="connsiteY2"/>
              </a:cxn>
              <a:cxn ang="0">
                <a:pos x="connsiteX3" y="connsiteY3"/>
              </a:cxn>
            </a:cxnLst>
            <a:rect l="l" t="t" r="r" b="b"/>
            <a:pathLst>
              <a:path w="105908" h="94215">
                <a:moveTo>
                  <a:pt x="0" y="0"/>
                </a:moveTo>
                <a:cubicBezTo>
                  <a:pt x="669" y="12851"/>
                  <a:pt x="486" y="45732"/>
                  <a:pt x="1323" y="57396"/>
                </a:cubicBezTo>
                <a:cubicBezTo>
                  <a:pt x="2160" y="69060"/>
                  <a:pt x="6239" y="93292"/>
                  <a:pt x="36785" y="93804"/>
                </a:cubicBezTo>
                <a:cubicBezTo>
                  <a:pt x="64684" y="94316"/>
                  <a:pt x="83094" y="94472"/>
                  <a:pt x="105908" y="93554"/>
                </a:cubicBezTo>
              </a:path>
            </a:pathLst>
          </a:custGeom>
          <a:noFill/>
          <a:ln w="12700">
            <a:solidFill>
              <a:schemeClr val="accent1"/>
            </a:solidFill>
            <a:headEnd type="none" w="med" len="med"/>
            <a:tailEnd type="arrow"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sp>
        <p:nvSpPr>
          <p:cNvPr id="27" name="Freeform 26">
            <a:extLst>
              <a:ext uri="{FF2B5EF4-FFF2-40B4-BE49-F238E27FC236}">
                <a16:creationId xmlns:a16="http://schemas.microsoft.com/office/drawing/2014/main" id="{FF19D52F-F4D9-96B1-EC59-45DE52263FD4}"/>
              </a:ext>
              <a:ext uri="{C183D7F6-B498-43B3-948B-1728B52AA6E4}">
                <adec:decorative xmlns:adec="http://schemas.microsoft.com/office/drawing/2017/decorative" val="1"/>
              </a:ext>
            </a:extLst>
          </p:cNvPr>
          <p:cNvSpPr/>
          <p:nvPr userDrawn="1"/>
        </p:nvSpPr>
        <p:spPr>
          <a:xfrm rot="16200000" flipH="1">
            <a:off x="9473750" y="2428480"/>
            <a:ext cx="230082" cy="204679"/>
          </a:xfrm>
          <a:custGeom>
            <a:avLst/>
            <a:gdLst>
              <a:gd name="connsiteX0" fmla="*/ 12470 w 152402"/>
              <a:gd name="connsiteY0" fmla="*/ 0 h 160478"/>
              <a:gd name="connsiteX1" fmla="*/ 12470 w 152402"/>
              <a:gd name="connsiteY1" fmla="*/ 136800 h 160478"/>
              <a:gd name="connsiteX2" fmla="*/ 142070 w 152402"/>
              <a:gd name="connsiteY2" fmla="*/ 158400 h 160478"/>
              <a:gd name="connsiteX3" fmla="*/ 134870 w 152402"/>
              <a:gd name="connsiteY3" fmla="*/ 158400 h 160478"/>
              <a:gd name="connsiteX0" fmla="*/ 12470 w 244725"/>
              <a:gd name="connsiteY0" fmla="*/ 15956 h 174410"/>
              <a:gd name="connsiteX1" fmla="*/ 12470 w 244725"/>
              <a:gd name="connsiteY1" fmla="*/ 152756 h 174410"/>
              <a:gd name="connsiteX2" fmla="*/ 142070 w 244725"/>
              <a:gd name="connsiteY2" fmla="*/ 174356 h 174410"/>
              <a:gd name="connsiteX3" fmla="*/ 243358 w 244725"/>
              <a:gd name="connsiteY3" fmla="*/ 0 h 174410"/>
              <a:gd name="connsiteX0" fmla="*/ 12470 w 225661"/>
              <a:gd name="connsiteY0" fmla="*/ 0 h 160478"/>
              <a:gd name="connsiteX1" fmla="*/ 12470 w 225661"/>
              <a:gd name="connsiteY1" fmla="*/ 136800 h 160478"/>
              <a:gd name="connsiteX2" fmla="*/ 142070 w 225661"/>
              <a:gd name="connsiteY2" fmla="*/ 158400 h 160478"/>
              <a:gd name="connsiteX3" fmla="*/ 223985 w 225661"/>
              <a:gd name="connsiteY3" fmla="*/ 158400 h 160478"/>
              <a:gd name="connsiteX0" fmla="*/ 12470 w 181097"/>
              <a:gd name="connsiteY0" fmla="*/ 0 h 160478"/>
              <a:gd name="connsiteX1" fmla="*/ 12470 w 181097"/>
              <a:gd name="connsiteY1" fmla="*/ 136800 h 160478"/>
              <a:gd name="connsiteX2" fmla="*/ 142070 w 181097"/>
              <a:gd name="connsiteY2" fmla="*/ 158400 h 160478"/>
              <a:gd name="connsiteX3" fmla="*/ 177490 w 181097"/>
              <a:gd name="connsiteY3" fmla="*/ 158400 h 160478"/>
              <a:gd name="connsiteX0" fmla="*/ 9280 w 175976"/>
              <a:gd name="connsiteY0" fmla="*/ 0 h 251489"/>
              <a:gd name="connsiteX1" fmla="*/ 9280 w 175976"/>
              <a:gd name="connsiteY1" fmla="*/ 136800 h 251489"/>
              <a:gd name="connsiteX2" fmla="*/ 92385 w 175976"/>
              <a:gd name="connsiteY2" fmla="*/ 251390 h 251489"/>
              <a:gd name="connsiteX3" fmla="*/ 174300 w 175976"/>
              <a:gd name="connsiteY3" fmla="*/ 158400 h 251489"/>
              <a:gd name="connsiteX0" fmla="*/ 9280 w 175976"/>
              <a:gd name="connsiteY0" fmla="*/ 0 h 166953"/>
              <a:gd name="connsiteX1" fmla="*/ 9280 w 175976"/>
              <a:gd name="connsiteY1" fmla="*/ 136800 h 166953"/>
              <a:gd name="connsiteX2" fmla="*/ 92385 w 175976"/>
              <a:gd name="connsiteY2" fmla="*/ 166149 h 166953"/>
              <a:gd name="connsiteX3" fmla="*/ 174300 w 175976"/>
              <a:gd name="connsiteY3" fmla="*/ 158400 h 166953"/>
              <a:gd name="connsiteX0" fmla="*/ 4941 w 171637"/>
              <a:gd name="connsiteY0" fmla="*/ 0 h 166953"/>
              <a:gd name="connsiteX1" fmla="*/ 4941 w 171637"/>
              <a:gd name="connsiteY1" fmla="*/ 136800 h 166953"/>
              <a:gd name="connsiteX2" fmla="*/ 88046 w 171637"/>
              <a:gd name="connsiteY2" fmla="*/ 166149 h 166953"/>
              <a:gd name="connsiteX3" fmla="*/ 169961 w 171637"/>
              <a:gd name="connsiteY3" fmla="*/ 158400 h 166953"/>
              <a:gd name="connsiteX0" fmla="*/ 7743 w 177968"/>
              <a:gd name="connsiteY0" fmla="*/ 0 h 139162"/>
              <a:gd name="connsiteX1" fmla="*/ 11272 w 177968"/>
              <a:gd name="connsiteY1" fmla="*/ 109009 h 139162"/>
              <a:gd name="connsiteX2" fmla="*/ 94377 w 177968"/>
              <a:gd name="connsiteY2" fmla="*/ 138358 h 139162"/>
              <a:gd name="connsiteX3" fmla="*/ 176292 w 177968"/>
              <a:gd name="connsiteY3" fmla="*/ 130609 h 139162"/>
              <a:gd name="connsiteX0" fmla="*/ 3887 w 174112"/>
              <a:gd name="connsiteY0" fmla="*/ 0 h 139162"/>
              <a:gd name="connsiteX1" fmla="*/ 7416 w 174112"/>
              <a:gd name="connsiteY1" fmla="*/ 109009 h 139162"/>
              <a:gd name="connsiteX2" fmla="*/ 90521 w 174112"/>
              <a:gd name="connsiteY2" fmla="*/ 138358 h 139162"/>
              <a:gd name="connsiteX3" fmla="*/ 172436 w 174112"/>
              <a:gd name="connsiteY3" fmla="*/ 130609 h 139162"/>
              <a:gd name="connsiteX0" fmla="*/ 0 w 170225"/>
              <a:gd name="connsiteY0" fmla="*/ 0 h 139162"/>
              <a:gd name="connsiteX1" fmla="*/ 3529 w 170225"/>
              <a:gd name="connsiteY1" fmla="*/ 109009 h 139162"/>
              <a:gd name="connsiteX2" fmla="*/ 86634 w 170225"/>
              <a:gd name="connsiteY2" fmla="*/ 138358 h 139162"/>
              <a:gd name="connsiteX3" fmla="*/ 168549 w 170225"/>
              <a:gd name="connsiteY3" fmla="*/ 130609 h 139162"/>
              <a:gd name="connsiteX0" fmla="*/ 3949 w 174192"/>
              <a:gd name="connsiteY0" fmla="*/ 0 h 130987"/>
              <a:gd name="connsiteX1" fmla="*/ 7478 w 174192"/>
              <a:gd name="connsiteY1" fmla="*/ 109009 h 130987"/>
              <a:gd name="connsiteX2" fmla="*/ 91465 w 174192"/>
              <a:gd name="connsiteY2" fmla="*/ 123801 h 130987"/>
              <a:gd name="connsiteX3" fmla="*/ 172498 w 174192"/>
              <a:gd name="connsiteY3" fmla="*/ 130609 h 130987"/>
              <a:gd name="connsiteX0" fmla="*/ 483 w 170095"/>
              <a:gd name="connsiteY0" fmla="*/ 0 h 137936"/>
              <a:gd name="connsiteX1" fmla="*/ 4012 w 170095"/>
              <a:gd name="connsiteY1" fmla="*/ 109009 h 137936"/>
              <a:gd name="connsiteX2" fmla="*/ 37710 w 170095"/>
              <a:gd name="connsiteY2" fmla="*/ 137035 h 137936"/>
              <a:gd name="connsiteX3" fmla="*/ 169032 w 170095"/>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93569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84305 h 137936"/>
              <a:gd name="connsiteX2" fmla="*/ 37227 w 169612"/>
              <a:gd name="connsiteY2" fmla="*/ 137035 h 137936"/>
              <a:gd name="connsiteX3" fmla="*/ 168549 w 169612"/>
              <a:gd name="connsiteY3" fmla="*/ 130609 h 137936"/>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784 w 170469"/>
              <a:gd name="connsiteY0" fmla="*/ 0 h 131821"/>
              <a:gd name="connsiteX1" fmla="*/ 3872 w 170469"/>
              <a:gd name="connsiteY1" fmla="*/ 84305 h 131821"/>
              <a:gd name="connsiteX2" fmla="*/ 39334 w 170469"/>
              <a:gd name="connsiteY2" fmla="*/ 131300 h 131821"/>
              <a:gd name="connsiteX3" fmla="*/ 169333 w 170469"/>
              <a:gd name="connsiteY3" fmla="*/ 130609 h 131821"/>
              <a:gd name="connsiteX0" fmla="*/ 0 w 169685"/>
              <a:gd name="connsiteY0" fmla="*/ 0 h 131821"/>
              <a:gd name="connsiteX1" fmla="*/ 3088 w 169685"/>
              <a:gd name="connsiteY1" fmla="*/ 84305 h 131821"/>
              <a:gd name="connsiteX2" fmla="*/ 38550 w 169685"/>
              <a:gd name="connsiteY2" fmla="*/ 131300 h 131821"/>
              <a:gd name="connsiteX3" fmla="*/ 168549 w 169685"/>
              <a:gd name="connsiteY3" fmla="*/ 130609 h 131821"/>
              <a:gd name="connsiteX0" fmla="*/ 0 w 119283"/>
              <a:gd name="connsiteY0" fmla="*/ 0 h 132065"/>
              <a:gd name="connsiteX1" fmla="*/ 3088 w 119283"/>
              <a:gd name="connsiteY1" fmla="*/ 84305 h 132065"/>
              <a:gd name="connsiteX2" fmla="*/ 38550 w 119283"/>
              <a:gd name="connsiteY2" fmla="*/ 131300 h 132065"/>
              <a:gd name="connsiteX3" fmla="*/ 117378 w 119283"/>
              <a:gd name="connsiteY3" fmla="*/ 131050 h 132065"/>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07673"/>
              <a:gd name="connsiteY0" fmla="*/ 0 h 131711"/>
              <a:gd name="connsiteX1" fmla="*/ 3088 w 107673"/>
              <a:gd name="connsiteY1" fmla="*/ 84305 h 131711"/>
              <a:gd name="connsiteX2" fmla="*/ 38550 w 107673"/>
              <a:gd name="connsiteY2" fmla="*/ 131300 h 131711"/>
              <a:gd name="connsiteX3" fmla="*/ 107673 w 107673"/>
              <a:gd name="connsiteY3" fmla="*/ 131050 h 131711"/>
              <a:gd name="connsiteX0" fmla="*/ 1731 w 107639"/>
              <a:gd name="connsiteY0" fmla="*/ 0 h 94215"/>
              <a:gd name="connsiteX1" fmla="*/ 3054 w 107639"/>
              <a:gd name="connsiteY1" fmla="*/ 46809 h 94215"/>
              <a:gd name="connsiteX2" fmla="*/ 38516 w 107639"/>
              <a:gd name="connsiteY2" fmla="*/ 93804 h 94215"/>
              <a:gd name="connsiteX3" fmla="*/ 107639 w 107639"/>
              <a:gd name="connsiteY3" fmla="*/ 93554 h 94215"/>
              <a:gd name="connsiteX0" fmla="*/ 1615 w 107523"/>
              <a:gd name="connsiteY0" fmla="*/ 0 h 94215"/>
              <a:gd name="connsiteX1" fmla="*/ 2938 w 107523"/>
              <a:gd name="connsiteY1" fmla="*/ 46809 h 94215"/>
              <a:gd name="connsiteX2" fmla="*/ 38400 w 107523"/>
              <a:gd name="connsiteY2" fmla="*/ 93804 h 94215"/>
              <a:gd name="connsiteX3" fmla="*/ 107523 w 107523"/>
              <a:gd name="connsiteY3" fmla="*/ 93554 h 94215"/>
              <a:gd name="connsiteX0" fmla="*/ 0 w 105908"/>
              <a:gd name="connsiteY0" fmla="*/ 0 h 94215"/>
              <a:gd name="connsiteX1" fmla="*/ 1323 w 105908"/>
              <a:gd name="connsiteY1" fmla="*/ 46809 h 94215"/>
              <a:gd name="connsiteX2" fmla="*/ 36785 w 105908"/>
              <a:gd name="connsiteY2" fmla="*/ 93804 h 94215"/>
              <a:gd name="connsiteX3" fmla="*/ 105908 w 105908"/>
              <a:gd name="connsiteY3" fmla="*/ 93554 h 94215"/>
              <a:gd name="connsiteX0" fmla="*/ 0 w 105908"/>
              <a:gd name="connsiteY0" fmla="*/ 0 h 94215"/>
              <a:gd name="connsiteX1" fmla="*/ 1323 w 105908"/>
              <a:gd name="connsiteY1" fmla="*/ 57396 h 94215"/>
              <a:gd name="connsiteX2" fmla="*/ 36785 w 105908"/>
              <a:gd name="connsiteY2" fmla="*/ 93804 h 94215"/>
              <a:gd name="connsiteX3" fmla="*/ 105908 w 105908"/>
              <a:gd name="connsiteY3" fmla="*/ 93554 h 94215"/>
            </a:gdLst>
            <a:ahLst/>
            <a:cxnLst>
              <a:cxn ang="0">
                <a:pos x="connsiteX0" y="connsiteY0"/>
              </a:cxn>
              <a:cxn ang="0">
                <a:pos x="connsiteX1" y="connsiteY1"/>
              </a:cxn>
              <a:cxn ang="0">
                <a:pos x="connsiteX2" y="connsiteY2"/>
              </a:cxn>
              <a:cxn ang="0">
                <a:pos x="connsiteX3" y="connsiteY3"/>
              </a:cxn>
            </a:cxnLst>
            <a:rect l="l" t="t" r="r" b="b"/>
            <a:pathLst>
              <a:path w="105908" h="94215">
                <a:moveTo>
                  <a:pt x="0" y="0"/>
                </a:moveTo>
                <a:cubicBezTo>
                  <a:pt x="669" y="12851"/>
                  <a:pt x="486" y="45732"/>
                  <a:pt x="1323" y="57396"/>
                </a:cubicBezTo>
                <a:cubicBezTo>
                  <a:pt x="2160" y="69060"/>
                  <a:pt x="6239" y="93292"/>
                  <a:pt x="36785" y="93804"/>
                </a:cubicBezTo>
                <a:cubicBezTo>
                  <a:pt x="64684" y="94316"/>
                  <a:pt x="83094" y="94472"/>
                  <a:pt x="105908" y="93554"/>
                </a:cubicBezTo>
              </a:path>
            </a:pathLst>
          </a:custGeom>
          <a:noFill/>
          <a:ln w="12700">
            <a:solidFill>
              <a:schemeClr val="accent1"/>
            </a:solidFill>
            <a:headEnd type="none" w="med" len="med"/>
            <a:tailEnd type="arrow"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C86A144E-C942-2F27-ABA9-594F21D6ED70}"/>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745261670"/>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Process / roadmap">
    <p:spTree>
      <p:nvGrpSpPr>
        <p:cNvPr id="1" name=""/>
        <p:cNvGrpSpPr/>
        <p:nvPr/>
      </p:nvGrpSpPr>
      <p:grpSpPr>
        <a:xfrm>
          <a:off x="0" y="0"/>
          <a:ext cx="0" cy="0"/>
          <a:chOff x="0" y="0"/>
          <a:chExt cx="0" cy="0"/>
        </a:xfrm>
      </p:grpSpPr>
      <p:pic>
        <p:nvPicPr>
          <p:cNvPr id="42" name="Graphic 41">
            <a:extLst>
              <a:ext uri="{FF2B5EF4-FFF2-40B4-BE49-F238E27FC236}">
                <a16:creationId xmlns:a16="http://schemas.microsoft.com/office/drawing/2014/main" id="{1B12D00A-CA2C-2688-1FF1-5A64A5F2F0B8}"/>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t="11463" b="15801"/>
          <a:stretch/>
        </p:blipFill>
        <p:spPr>
          <a:xfrm>
            <a:off x="4071914" y="1458410"/>
            <a:ext cx="6617172" cy="5399590"/>
          </a:xfrm>
          <a:prstGeom prst="rect">
            <a:avLst/>
          </a:prstGeom>
        </p:spPr>
      </p:pic>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4" name="Content Placeholder 6">
            <a:extLst>
              <a:ext uri="{FF2B5EF4-FFF2-40B4-BE49-F238E27FC236}">
                <a16:creationId xmlns:a16="http://schemas.microsoft.com/office/drawing/2014/main" id="{00149D5F-C0D7-08C3-842C-B841F02B360D}"/>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8" name="Content Placeholder 17">
            <a:extLst>
              <a:ext uri="{FF2B5EF4-FFF2-40B4-BE49-F238E27FC236}">
                <a16:creationId xmlns:a16="http://schemas.microsoft.com/office/drawing/2014/main" id="{82B7260A-3B5F-BEEB-B9C2-804A641E600D}"/>
              </a:ext>
            </a:extLst>
          </p:cNvPr>
          <p:cNvSpPr>
            <a:spLocks noGrp="1"/>
          </p:cNvSpPr>
          <p:nvPr>
            <p:ph sz="quarter" idx="16" hasCustomPrompt="1"/>
          </p:nvPr>
        </p:nvSpPr>
        <p:spPr>
          <a:xfrm>
            <a:off x="671169" y="3673418"/>
            <a:ext cx="826109" cy="844196"/>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27" name="Text Placeholder 26">
            <a:extLst>
              <a:ext uri="{FF2B5EF4-FFF2-40B4-BE49-F238E27FC236}">
                <a16:creationId xmlns:a16="http://schemas.microsoft.com/office/drawing/2014/main" id="{F4C66DEB-6B79-DFE9-2F13-45D1D029C6BC}"/>
              </a:ext>
            </a:extLst>
          </p:cNvPr>
          <p:cNvSpPr>
            <a:spLocks noGrp="1"/>
          </p:cNvSpPr>
          <p:nvPr>
            <p:ph type="body" sz="quarter" idx="23"/>
          </p:nvPr>
        </p:nvSpPr>
        <p:spPr>
          <a:xfrm>
            <a:off x="695326"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4" name="Content Placeholder 17">
            <a:extLst>
              <a:ext uri="{FF2B5EF4-FFF2-40B4-BE49-F238E27FC236}">
                <a16:creationId xmlns:a16="http://schemas.microsoft.com/office/drawing/2014/main" id="{753DF5F1-A362-636C-07A6-3031289CF920}"/>
              </a:ext>
            </a:extLst>
          </p:cNvPr>
          <p:cNvSpPr>
            <a:spLocks noGrp="1"/>
          </p:cNvSpPr>
          <p:nvPr>
            <p:ph sz="quarter" idx="21" hasCustomPrompt="1"/>
          </p:nvPr>
        </p:nvSpPr>
        <p:spPr>
          <a:xfrm>
            <a:off x="2304730" y="3683171"/>
            <a:ext cx="840285" cy="82469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p:nvPr>
        </p:nvSpPr>
        <p:spPr>
          <a:xfrm>
            <a:off x="2310027"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15" name="Content Placeholder 17">
            <a:extLst>
              <a:ext uri="{FF2B5EF4-FFF2-40B4-BE49-F238E27FC236}">
                <a16:creationId xmlns:a16="http://schemas.microsoft.com/office/drawing/2014/main" id="{DD17B576-9D06-2740-FEB0-B406BED62722}"/>
              </a:ext>
            </a:extLst>
          </p:cNvPr>
          <p:cNvSpPr>
            <a:spLocks noGrp="1"/>
          </p:cNvSpPr>
          <p:nvPr>
            <p:ph sz="quarter" idx="32" hasCustomPrompt="1"/>
          </p:nvPr>
        </p:nvSpPr>
        <p:spPr>
          <a:xfrm>
            <a:off x="3952467" y="3673418"/>
            <a:ext cx="826109" cy="844196"/>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17" name="Text Placeholder 26">
            <a:extLst>
              <a:ext uri="{FF2B5EF4-FFF2-40B4-BE49-F238E27FC236}">
                <a16:creationId xmlns:a16="http://schemas.microsoft.com/office/drawing/2014/main" id="{C7169E13-6705-1419-071F-81E958D79263}"/>
              </a:ext>
            </a:extLst>
          </p:cNvPr>
          <p:cNvSpPr>
            <a:spLocks noGrp="1"/>
          </p:cNvSpPr>
          <p:nvPr>
            <p:ph type="body" sz="quarter" idx="34"/>
          </p:nvPr>
        </p:nvSpPr>
        <p:spPr>
          <a:xfrm>
            <a:off x="3971326"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16" name="Content Placeholder 17">
            <a:extLst>
              <a:ext uri="{FF2B5EF4-FFF2-40B4-BE49-F238E27FC236}">
                <a16:creationId xmlns:a16="http://schemas.microsoft.com/office/drawing/2014/main" id="{3A392666-912A-3DB0-C782-C8F9E9146228}"/>
              </a:ext>
            </a:extLst>
          </p:cNvPr>
          <p:cNvSpPr>
            <a:spLocks noGrp="1"/>
          </p:cNvSpPr>
          <p:nvPr>
            <p:ph sz="quarter" idx="33" hasCustomPrompt="1"/>
          </p:nvPr>
        </p:nvSpPr>
        <p:spPr>
          <a:xfrm>
            <a:off x="5586027" y="3683171"/>
            <a:ext cx="840285" cy="82469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19" name="Text Placeholder 26">
            <a:extLst>
              <a:ext uri="{FF2B5EF4-FFF2-40B4-BE49-F238E27FC236}">
                <a16:creationId xmlns:a16="http://schemas.microsoft.com/office/drawing/2014/main" id="{3C61597D-E425-55C6-303D-7FF648527DD4}"/>
              </a:ext>
            </a:extLst>
          </p:cNvPr>
          <p:cNvSpPr>
            <a:spLocks noGrp="1"/>
          </p:cNvSpPr>
          <p:nvPr>
            <p:ph type="body" sz="quarter" idx="35"/>
          </p:nvPr>
        </p:nvSpPr>
        <p:spPr>
          <a:xfrm>
            <a:off x="5586027"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33" name="Content Placeholder 17">
            <a:extLst>
              <a:ext uri="{FF2B5EF4-FFF2-40B4-BE49-F238E27FC236}">
                <a16:creationId xmlns:a16="http://schemas.microsoft.com/office/drawing/2014/main" id="{39AAFB06-E8F5-1450-D9EC-121CCD9666DF}"/>
              </a:ext>
            </a:extLst>
          </p:cNvPr>
          <p:cNvSpPr>
            <a:spLocks noGrp="1"/>
          </p:cNvSpPr>
          <p:nvPr>
            <p:ph sz="quarter" idx="36" hasCustomPrompt="1"/>
          </p:nvPr>
        </p:nvSpPr>
        <p:spPr>
          <a:xfrm>
            <a:off x="7271667" y="3673418"/>
            <a:ext cx="826109" cy="844196"/>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36" name="Text Placeholder 26">
            <a:extLst>
              <a:ext uri="{FF2B5EF4-FFF2-40B4-BE49-F238E27FC236}">
                <a16:creationId xmlns:a16="http://schemas.microsoft.com/office/drawing/2014/main" id="{E5D413BA-8BAC-F718-F3D3-8980AAFE6C07}"/>
              </a:ext>
            </a:extLst>
          </p:cNvPr>
          <p:cNvSpPr>
            <a:spLocks noGrp="1"/>
          </p:cNvSpPr>
          <p:nvPr>
            <p:ph type="body" sz="quarter" idx="38"/>
          </p:nvPr>
        </p:nvSpPr>
        <p:spPr>
          <a:xfrm>
            <a:off x="7290526"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35" name="Content Placeholder 17">
            <a:extLst>
              <a:ext uri="{FF2B5EF4-FFF2-40B4-BE49-F238E27FC236}">
                <a16:creationId xmlns:a16="http://schemas.microsoft.com/office/drawing/2014/main" id="{54C1FDA2-B6DE-1AD4-A37F-8484B5A61C8C}"/>
              </a:ext>
            </a:extLst>
          </p:cNvPr>
          <p:cNvSpPr>
            <a:spLocks noGrp="1"/>
          </p:cNvSpPr>
          <p:nvPr>
            <p:ph sz="quarter" idx="37" hasCustomPrompt="1"/>
          </p:nvPr>
        </p:nvSpPr>
        <p:spPr>
          <a:xfrm>
            <a:off x="8905227" y="3683171"/>
            <a:ext cx="840285" cy="82469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37" name="Text Placeholder 26">
            <a:extLst>
              <a:ext uri="{FF2B5EF4-FFF2-40B4-BE49-F238E27FC236}">
                <a16:creationId xmlns:a16="http://schemas.microsoft.com/office/drawing/2014/main" id="{E553B92D-7625-BAB7-E771-61A12A32E3E1}"/>
              </a:ext>
            </a:extLst>
          </p:cNvPr>
          <p:cNvSpPr>
            <a:spLocks noGrp="1"/>
          </p:cNvSpPr>
          <p:nvPr>
            <p:ph type="body" sz="quarter" idx="39"/>
          </p:nvPr>
        </p:nvSpPr>
        <p:spPr>
          <a:xfrm>
            <a:off x="8905227"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25007050-FE2E-F0F5-7959-F8D29A0FBBA2}"/>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93687928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Process / roadmap vs 2">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4" name="Content Placeholder 6">
            <a:extLst>
              <a:ext uri="{FF2B5EF4-FFF2-40B4-BE49-F238E27FC236}">
                <a16:creationId xmlns:a16="http://schemas.microsoft.com/office/drawing/2014/main" id="{00149D5F-C0D7-08C3-842C-B841F02B360D}"/>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4" name="Text Placeholder 3">
            <a:extLst>
              <a:ext uri="{FF2B5EF4-FFF2-40B4-BE49-F238E27FC236}">
                <a16:creationId xmlns:a16="http://schemas.microsoft.com/office/drawing/2014/main" id="{1587DA75-DCD6-6B25-8C95-696A515581ED}"/>
              </a:ext>
            </a:extLst>
          </p:cNvPr>
          <p:cNvSpPr>
            <a:spLocks noGrp="1"/>
          </p:cNvSpPr>
          <p:nvPr>
            <p:ph type="body" sz="quarter" idx="40" hasCustomPrompt="1"/>
          </p:nvPr>
        </p:nvSpPr>
        <p:spPr>
          <a:xfrm>
            <a:off x="684648" y="3603368"/>
            <a:ext cx="2665501" cy="971194"/>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121977 w 4938320"/>
              <a:gd name="connsiteY0" fmla="*/ 22208 h 2351795"/>
              <a:gd name="connsiteX1" fmla="*/ 4458183 w 4938320"/>
              <a:gd name="connsiteY1" fmla="*/ -1 h 2351795"/>
              <a:gd name="connsiteX2" fmla="*/ 4938320 w 4938320"/>
              <a:gd name="connsiteY2" fmla="*/ 1151856 h 2351795"/>
              <a:gd name="connsiteX3" fmla="*/ 4490317 w 4938320"/>
              <a:gd name="connsiteY3" fmla="*/ 2344118 h 2351795"/>
              <a:gd name="connsiteX4" fmla="*/ 2437055 w 4938320"/>
              <a:gd name="connsiteY4" fmla="*/ 2351795 h 2351795"/>
              <a:gd name="connsiteX5" fmla="*/ 20963 w 4938320"/>
              <a:gd name="connsiteY5" fmla="*/ 2344118 h 2351795"/>
              <a:gd name="connsiteX6" fmla="*/ 54 w 4938320"/>
              <a:gd name="connsiteY6" fmla="*/ 1880624 h 2351795"/>
              <a:gd name="connsiteX7" fmla="*/ 121977 w 4938320"/>
              <a:gd name="connsiteY7" fmla="*/ 22208 h 2351795"/>
              <a:gd name="connsiteX0" fmla="*/ 103997 w 4920340"/>
              <a:gd name="connsiteY0" fmla="*/ 22208 h 2351795"/>
              <a:gd name="connsiteX1" fmla="*/ 4440203 w 4920340"/>
              <a:gd name="connsiteY1" fmla="*/ -1 h 2351795"/>
              <a:gd name="connsiteX2" fmla="*/ 4920340 w 4920340"/>
              <a:gd name="connsiteY2" fmla="*/ 1151856 h 2351795"/>
              <a:gd name="connsiteX3" fmla="*/ 4472337 w 4920340"/>
              <a:gd name="connsiteY3" fmla="*/ 2344118 h 2351795"/>
              <a:gd name="connsiteX4" fmla="*/ 2419075 w 4920340"/>
              <a:gd name="connsiteY4" fmla="*/ 2351795 h 2351795"/>
              <a:gd name="connsiteX5" fmla="*/ 2983 w 4920340"/>
              <a:gd name="connsiteY5" fmla="*/ 2344118 h 2351795"/>
              <a:gd name="connsiteX6" fmla="*/ 101534 w 4920340"/>
              <a:gd name="connsiteY6" fmla="*/ 1834971 h 2351795"/>
              <a:gd name="connsiteX7" fmla="*/ 103997 w 4920340"/>
              <a:gd name="connsiteY7" fmla="*/ 22208 h 2351795"/>
              <a:gd name="connsiteX0" fmla="*/ 9071 w 4825414"/>
              <a:gd name="connsiteY0" fmla="*/ 22208 h 2351795"/>
              <a:gd name="connsiteX1" fmla="*/ 4345277 w 4825414"/>
              <a:gd name="connsiteY1" fmla="*/ -1 h 2351795"/>
              <a:gd name="connsiteX2" fmla="*/ 4825414 w 4825414"/>
              <a:gd name="connsiteY2" fmla="*/ 1151856 h 2351795"/>
              <a:gd name="connsiteX3" fmla="*/ 4377411 w 4825414"/>
              <a:gd name="connsiteY3" fmla="*/ 2344118 h 2351795"/>
              <a:gd name="connsiteX4" fmla="*/ 2324149 w 4825414"/>
              <a:gd name="connsiteY4" fmla="*/ 2351795 h 2351795"/>
              <a:gd name="connsiteX5" fmla="*/ 10449 w 4825414"/>
              <a:gd name="connsiteY5" fmla="*/ 2344119 h 2351795"/>
              <a:gd name="connsiteX6" fmla="*/ 6608 w 4825414"/>
              <a:gd name="connsiteY6" fmla="*/ 1834971 h 2351795"/>
              <a:gd name="connsiteX7" fmla="*/ 9071 w 4825414"/>
              <a:gd name="connsiteY7" fmla="*/ 22208 h 2351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25414" h="2351795">
                <a:moveTo>
                  <a:pt x="9071" y="22208"/>
                </a:moveTo>
                <a:lnTo>
                  <a:pt x="4345277" y="-1"/>
                </a:lnTo>
                <a:cubicBezTo>
                  <a:pt x="4365138" y="11040"/>
                  <a:pt x="4814248" y="1094376"/>
                  <a:pt x="4825414" y="1151856"/>
                </a:cubicBezTo>
                <a:cubicBezTo>
                  <a:pt x="4823014" y="1224676"/>
                  <a:pt x="4699591" y="1594907"/>
                  <a:pt x="4377411" y="2344118"/>
                </a:cubicBezTo>
                <a:lnTo>
                  <a:pt x="2324149" y="2351795"/>
                </a:lnTo>
                <a:lnTo>
                  <a:pt x="10449" y="2344119"/>
                </a:lnTo>
                <a:cubicBezTo>
                  <a:pt x="-13446" y="2342921"/>
                  <a:pt x="11863" y="2193044"/>
                  <a:pt x="6608" y="1834971"/>
                </a:cubicBezTo>
                <a:cubicBezTo>
                  <a:pt x="3400" y="1326946"/>
                  <a:pt x="22401" y="381081"/>
                  <a:pt x="9071" y="22208"/>
                </a:cubicBezTo>
                <a:close/>
              </a:path>
            </a:pathLst>
          </a:custGeom>
          <a:solidFill>
            <a:srgbClr val="FAF1EF"/>
          </a:solidFill>
          <a:ln w="28575">
            <a:solidFill>
              <a:schemeClr val="bg1"/>
            </a:solidFill>
          </a:ln>
        </p:spPr>
        <p:txBody>
          <a:bodyPr lIns="216000" tIns="108000" rIns="360000" bIns="108000" anchor="ctr"/>
          <a:lstStyle>
            <a:lvl1pPr marL="0" indent="0">
              <a:lnSpc>
                <a:spcPct val="90000"/>
              </a:lnSpc>
              <a:spcBef>
                <a:spcPts val="0"/>
              </a:spcBef>
              <a:buNone/>
              <a:defRPr spc="-40" baseline="0"/>
            </a:lvl1pPr>
          </a:lstStyle>
          <a:p>
            <a:pPr lvl="0"/>
            <a:r>
              <a:rPr lang="en-GB"/>
              <a:t>Insert text</a:t>
            </a:r>
          </a:p>
        </p:txBody>
      </p:sp>
      <p:sp>
        <p:nvSpPr>
          <p:cNvPr id="27" name="Text Placeholder 26">
            <a:extLst>
              <a:ext uri="{FF2B5EF4-FFF2-40B4-BE49-F238E27FC236}">
                <a16:creationId xmlns:a16="http://schemas.microsoft.com/office/drawing/2014/main" id="{F4C66DEB-6B79-DFE9-2F13-45D1D029C6BC}"/>
              </a:ext>
            </a:extLst>
          </p:cNvPr>
          <p:cNvSpPr>
            <a:spLocks noGrp="1"/>
          </p:cNvSpPr>
          <p:nvPr>
            <p:ph type="body" sz="quarter" idx="23" hasCustomPrompt="1"/>
          </p:nvPr>
        </p:nvSpPr>
        <p:spPr>
          <a:xfrm>
            <a:off x="893000"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hasCustomPrompt="1"/>
          </p:nvPr>
        </p:nvSpPr>
        <p:spPr>
          <a:xfrm>
            <a:off x="2009108"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add content</a:t>
            </a:r>
          </a:p>
        </p:txBody>
      </p:sp>
      <p:sp>
        <p:nvSpPr>
          <p:cNvPr id="9" name="Text Placeholder 3">
            <a:extLst>
              <a:ext uri="{FF2B5EF4-FFF2-40B4-BE49-F238E27FC236}">
                <a16:creationId xmlns:a16="http://schemas.microsoft.com/office/drawing/2014/main" id="{9A933D7A-4B46-D560-41E2-8C4D4D05F6C2}"/>
              </a:ext>
            </a:extLst>
          </p:cNvPr>
          <p:cNvSpPr>
            <a:spLocks noGrp="1"/>
          </p:cNvSpPr>
          <p:nvPr>
            <p:ph type="body" sz="quarter" idx="41" hasCustomPrompt="1"/>
          </p:nvPr>
        </p:nvSpPr>
        <p:spPr>
          <a:xfrm>
            <a:off x="3093389" y="3603112"/>
            <a:ext cx="2807683" cy="971450"/>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52868" h="2352415">
                <a:moveTo>
                  <a:pt x="0" y="0"/>
                </a:moveTo>
                <a:lnTo>
                  <a:pt x="4472731" y="619"/>
                </a:lnTo>
                <a:cubicBezTo>
                  <a:pt x="4492592" y="11660"/>
                  <a:pt x="4941702" y="1094996"/>
                  <a:pt x="4952868" y="1152476"/>
                </a:cubicBezTo>
                <a:cubicBezTo>
                  <a:pt x="4950468" y="1225296"/>
                  <a:pt x="4827045" y="1595527"/>
                  <a:pt x="4504865" y="2344738"/>
                </a:cubicBezTo>
                <a:lnTo>
                  <a:pt x="2451603" y="2352415"/>
                </a:lnTo>
                <a:lnTo>
                  <a:pt x="35511" y="2344738"/>
                </a:lnTo>
                <a:cubicBezTo>
                  <a:pt x="11616" y="2343540"/>
                  <a:pt x="19857" y="2239317"/>
                  <a:pt x="14602" y="1881244"/>
                </a:cubicBezTo>
                <a:cubicBezTo>
                  <a:pt x="11394" y="1373219"/>
                  <a:pt x="13330" y="358873"/>
                  <a:pt x="0" y="0"/>
                </a:cubicBezTo>
                <a:close/>
              </a:path>
            </a:pathLst>
          </a:custGeom>
          <a:solidFill>
            <a:srgbClr val="FAF1EF"/>
          </a:solidFill>
          <a:ln w="28575">
            <a:solidFill>
              <a:schemeClr val="bg1"/>
            </a:solidFill>
          </a:ln>
        </p:spPr>
        <p:txBody>
          <a:bodyPr lIns="396000" tIns="108000" rIns="360000" bIns="108000" anchor="ctr"/>
          <a:lstStyle>
            <a:lvl1pPr marL="0" indent="0">
              <a:lnSpc>
                <a:spcPct val="90000"/>
              </a:lnSpc>
              <a:spcBef>
                <a:spcPts val="0"/>
              </a:spcBef>
              <a:buNone/>
              <a:defRPr spc="-40" baseline="0"/>
            </a:lvl1pPr>
          </a:lstStyle>
          <a:p>
            <a:pPr lvl="0"/>
            <a:r>
              <a:rPr lang="en-GB"/>
              <a:t>Insert text</a:t>
            </a:r>
          </a:p>
        </p:txBody>
      </p:sp>
      <p:sp>
        <p:nvSpPr>
          <p:cNvPr id="17" name="Text Placeholder 26">
            <a:extLst>
              <a:ext uri="{FF2B5EF4-FFF2-40B4-BE49-F238E27FC236}">
                <a16:creationId xmlns:a16="http://schemas.microsoft.com/office/drawing/2014/main" id="{C7169E13-6705-1419-071F-81E958D79263}"/>
              </a:ext>
            </a:extLst>
          </p:cNvPr>
          <p:cNvSpPr>
            <a:spLocks noGrp="1"/>
          </p:cNvSpPr>
          <p:nvPr>
            <p:ph type="body" sz="quarter" idx="34" hasCustomPrompt="1"/>
          </p:nvPr>
        </p:nvSpPr>
        <p:spPr>
          <a:xfrm>
            <a:off x="3444467"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sp>
        <p:nvSpPr>
          <p:cNvPr id="19" name="Text Placeholder 26">
            <a:extLst>
              <a:ext uri="{FF2B5EF4-FFF2-40B4-BE49-F238E27FC236}">
                <a16:creationId xmlns:a16="http://schemas.microsoft.com/office/drawing/2014/main" id="{3C61597D-E425-55C6-303D-7FF648527DD4}"/>
              </a:ext>
            </a:extLst>
          </p:cNvPr>
          <p:cNvSpPr>
            <a:spLocks noGrp="1"/>
          </p:cNvSpPr>
          <p:nvPr>
            <p:ph type="body" sz="quarter" idx="35" hasCustomPrompt="1"/>
          </p:nvPr>
        </p:nvSpPr>
        <p:spPr>
          <a:xfrm>
            <a:off x="4591639"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add content</a:t>
            </a:r>
          </a:p>
        </p:txBody>
      </p:sp>
      <p:sp>
        <p:nvSpPr>
          <p:cNvPr id="11" name="Text Placeholder 3">
            <a:extLst>
              <a:ext uri="{FF2B5EF4-FFF2-40B4-BE49-F238E27FC236}">
                <a16:creationId xmlns:a16="http://schemas.microsoft.com/office/drawing/2014/main" id="{7E020329-61DD-9C2E-7A6E-975D8FF98828}"/>
              </a:ext>
            </a:extLst>
          </p:cNvPr>
          <p:cNvSpPr>
            <a:spLocks noGrp="1"/>
          </p:cNvSpPr>
          <p:nvPr>
            <p:ph type="body" sz="quarter" idx="42" hasCustomPrompt="1"/>
          </p:nvPr>
        </p:nvSpPr>
        <p:spPr>
          <a:xfrm>
            <a:off x="5644312" y="3603112"/>
            <a:ext cx="2807683" cy="971450"/>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52868" h="2352415">
                <a:moveTo>
                  <a:pt x="0" y="0"/>
                </a:moveTo>
                <a:lnTo>
                  <a:pt x="4472731" y="619"/>
                </a:lnTo>
                <a:cubicBezTo>
                  <a:pt x="4492592" y="11660"/>
                  <a:pt x="4941702" y="1094996"/>
                  <a:pt x="4952868" y="1152476"/>
                </a:cubicBezTo>
                <a:cubicBezTo>
                  <a:pt x="4950468" y="1225296"/>
                  <a:pt x="4827045" y="1595527"/>
                  <a:pt x="4504865" y="2344738"/>
                </a:cubicBezTo>
                <a:lnTo>
                  <a:pt x="2451603" y="2352415"/>
                </a:lnTo>
                <a:lnTo>
                  <a:pt x="35511" y="2344738"/>
                </a:lnTo>
                <a:cubicBezTo>
                  <a:pt x="11616" y="2343540"/>
                  <a:pt x="19857" y="2239317"/>
                  <a:pt x="14602" y="1881244"/>
                </a:cubicBezTo>
                <a:cubicBezTo>
                  <a:pt x="11394" y="1373219"/>
                  <a:pt x="13330" y="358873"/>
                  <a:pt x="0" y="0"/>
                </a:cubicBezTo>
                <a:close/>
              </a:path>
            </a:pathLst>
          </a:custGeom>
          <a:solidFill>
            <a:srgbClr val="FAF1EF"/>
          </a:solidFill>
          <a:ln w="28575">
            <a:solidFill>
              <a:schemeClr val="bg1"/>
            </a:solidFill>
          </a:ln>
        </p:spPr>
        <p:txBody>
          <a:bodyPr lIns="396000" tIns="108000" rIns="360000" bIns="108000" anchor="ctr"/>
          <a:lstStyle>
            <a:lvl1pPr marL="0" indent="0">
              <a:lnSpc>
                <a:spcPct val="90000"/>
              </a:lnSpc>
              <a:spcBef>
                <a:spcPts val="0"/>
              </a:spcBef>
              <a:buNone/>
              <a:defRPr spc="-40" baseline="0"/>
            </a:lvl1pPr>
          </a:lstStyle>
          <a:p>
            <a:pPr lvl="0"/>
            <a:r>
              <a:rPr lang="en-GB"/>
              <a:t>Insert text</a:t>
            </a:r>
          </a:p>
        </p:txBody>
      </p:sp>
      <p:sp>
        <p:nvSpPr>
          <p:cNvPr id="36" name="Text Placeholder 26">
            <a:extLst>
              <a:ext uri="{FF2B5EF4-FFF2-40B4-BE49-F238E27FC236}">
                <a16:creationId xmlns:a16="http://schemas.microsoft.com/office/drawing/2014/main" id="{E5D413BA-8BAC-F718-F3D3-8980AAFE6C07}"/>
              </a:ext>
            </a:extLst>
          </p:cNvPr>
          <p:cNvSpPr>
            <a:spLocks noGrp="1"/>
          </p:cNvSpPr>
          <p:nvPr>
            <p:ph type="body" sz="quarter" idx="38" hasCustomPrompt="1"/>
          </p:nvPr>
        </p:nvSpPr>
        <p:spPr>
          <a:xfrm>
            <a:off x="5995934"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sp>
        <p:nvSpPr>
          <p:cNvPr id="37" name="Text Placeholder 26">
            <a:extLst>
              <a:ext uri="{FF2B5EF4-FFF2-40B4-BE49-F238E27FC236}">
                <a16:creationId xmlns:a16="http://schemas.microsoft.com/office/drawing/2014/main" id="{E553B92D-7625-BAB7-E771-61A12A32E3E1}"/>
              </a:ext>
            </a:extLst>
          </p:cNvPr>
          <p:cNvSpPr>
            <a:spLocks noGrp="1"/>
          </p:cNvSpPr>
          <p:nvPr>
            <p:ph type="body" sz="quarter" idx="39" hasCustomPrompt="1"/>
          </p:nvPr>
        </p:nvSpPr>
        <p:spPr>
          <a:xfrm>
            <a:off x="7173384"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add content</a:t>
            </a:r>
          </a:p>
        </p:txBody>
      </p:sp>
      <p:sp>
        <p:nvSpPr>
          <p:cNvPr id="12" name="Text Placeholder 3">
            <a:extLst>
              <a:ext uri="{FF2B5EF4-FFF2-40B4-BE49-F238E27FC236}">
                <a16:creationId xmlns:a16="http://schemas.microsoft.com/office/drawing/2014/main" id="{DD8E6676-5A16-AF66-4FB2-66A28D222B35}"/>
              </a:ext>
            </a:extLst>
          </p:cNvPr>
          <p:cNvSpPr>
            <a:spLocks noGrp="1"/>
          </p:cNvSpPr>
          <p:nvPr>
            <p:ph type="body" sz="quarter" idx="43" hasCustomPrompt="1"/>
          </p:nvPr>
        </p:nvSpPr>
        <p:spPr>
          <a:xfrm>
            <a:off x="8195236" y="3603112"/>
            <a:ext cx="2807683" cy="971450"/>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52868" h="2352415">
                <a:moveTo>
                  <a:pt x="0" y="0"/>
                </a:moveTo>
                <a:lnTo>
                  <a:pt x="4472731" y="619"/>
                </a:lnTo>
                <a:cubicBezTo>
                  <a:pt x="4492592" y="11660"/>
                  <a:pt x="4941702" y="1094996"/>
                  <a:pt x="4952868" y="1152476"/>
                </a:cubicBezTo>
                <a:cubicBezTo>
                  <a:pt x="4950468" y="1225296"/>
                  <a:pt x="4827045" y="1595527"/>
                  <a:pt x="4504865" y="2344738"/>
                </a:cubicBezTo>
                <a:lnTo>
                  <a:pt x="2451603" y="2352415"/>
                </a:lnTo>
                <a:lnTo>
                  <a:pt x="35511" y="2344738"/>
                </a:lnTo>
                <a:cubicBezTo>
                  <a:pt x="11616" y="2343540"/>
                  <a:pt x="19857" y="2239317"/>
                  <a:pt x="14602" y="1881244"/>
                </a:cubicBezTo>
                <a:cubicBezTo>
                  <a:pt x="11394" y="1373219"/>
                  <a:pt x="13330" y="358873"/>
                  <a:pt x="0" y="0"/>
                </a:cubicBezTo>
                <a:close/>
              </a:path>
            </a:pathLst>
          </a:custGeom>
          <a:solidFill>
            <a:srgbClr val="FAF1EF"/>
          </a:solidFill>
          <a:ln w="28575">
            <a:solidFill>
              <a:schemeClr val="bg1"/>
            </a:solidFill>
          </a:ln>
        </p:spPr>
        <p:txBody>
          <a:bodyPr lIns="396000" tIns="108000" rIns="360000" bIns="108000" anchor="ctr"/>
          <a:lstStyle>
            <a:lvl1pPr marL="0" indent="0">
              <a:lnSpc>
                <a:spcPct val="90000"/>
              </a:lnSpc>
              <a:spcBef>
                <a:spcPts val="0"/>
              </a:spcBef>
              <a:buNone/>
              <a:defRPr spc="-40" baseline="0"/>
            </a:lvl1pPr>
          </a:lstStyle>
          <a:p>
            <a:pPr lvl="0"/>
            <a:r>
              <a:rPr lang="en-GB"/>
              <a:t>Insert text</a:t>
            </a:r>
          </a:p>
        </p:txBody>
      </p:sp>
      <p:sp>
        <p:nvSpPr>
          <p:cNvPr id="13" name="Text Placeholder 26">
            <a:extLst>
              <a:ext uri="{FF2B5EF4-FFF2-40B4-BE49-F238E27FC236}">
                <a16:creationId xmlns:a16="http://schemas.microsoft.com/office/drawing/2014/main" id="{96787B3C-D8B5-9072-2E8F-0520D6B34F21}"/>
              </a:ext>
            </a:extLst>
          </p:cNvPr>
          <p:cNvSpPr>
            <a:spLocks noGrp="1"/>
          </p:cNvSpPr>
          <p:nvPr>
            <p:ph type="body" sz="quarter" idx="44" hasCustomPrompt="1"/>
          </p:nvPr>
        </p:nvSpPr>
        <p:spPr>
          <a:xfrm>
            <a:off x="8547401"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197F5739-BC79-4391-40E3-2017C0D05FC3}"/>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0626857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Process &amp; contents overview">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hasCustomPrompt="1"/>
          </p:nvPr>
        </p:nvSpPr>
        <p:spPr>
          <a:xfrm>
            <a:off x="695323"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3" name="Text Placeholder 26">
            <a:extLst>
              <a:ext uri="{FF2B5EF4-FFF2-40B4-BE49-F238E27FC236}">
                <a16:creationId xmlns:a16="http://schemas.microsoft.com/office/drawing/2014/main" id="{E2B42834-541F-8A8B-4891-5D593893973C}"/>
              </a:ext>
            </a:extLst>
          </p:cNvPr>
          <p:cNvSpPr>
            <a:spLocks noGrp="1"/>
          </p:cNvSpPr>
          <p:nvPr>
            <p:ph type="body" sz="quarter" idx="44" hasCustomPrompt="1"/>
          </p:nvPr>
        </p:nvSpPr>
        <p:spPr>
          <a:xfrm>
            <a:off x="3412515"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14" name="Text Placeholder 26">
            <a:extLst>
              <a:ext uri="{FF2B5EF4-FFF2-40B4-BE49-F238E27FC236}">
                <a16:creationId xmlns:a16="http://schemas.microsoft.com/office/drawing/2014/main" id="{F2DEF7D8-8581-B9A5-DC88-7AA37313AB87}"/>
              </a:ext>
            </a:extLst>
          </p:cNvPr>
          <p:cNvSpPr>
            <a:spLocks noGrp="1"/>
          </p:cNvSpPr>
          <p:nvPr>
            <p:ph type="body" sz="quarter" idx="45" hasCustomPrompt="1"/>
          </p:nvPr>
        </p:nvSpPr>
        <p:spPr>
          <a:xfrm>
            <a:off x="6129707"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15" name="Text Placeholder 26">
            <a:extLst>
              <a:ext uri="{FF2B5EF4-FFF2-40B4-BE49-F238E27FC236}">
                <a16:creationId xmlns:a16="http://schemas.microsoft.com/office/drawing/2014/main" id="{8164FCAE-9F45-72A4-5DA5-2CC801F51248}"/>
              </a:ext>
            </a:extLst>
          </p:cNvPr>
          <p:cNvSpPr>
            <a:spLocks noGrp="1"/>
          </p:cNvSpPr>
          <p:nvPr>
            <p:ph type="body" sz="quarter" idx="46" hasCustomPrompt="1"/>
          </p:nvPr>
        </p:nvSpPr>
        <p:spPr>
          <a:xfrm>
            <a:off x="8846900"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22" name="Text Placeholder 26">
            <a:extLst>
              <a:ext uri="{FF2B5EF4-FFF2-40B4-BE49-F238E27FC236}">
                <a16:creationId xmlns:a16="http://schemas.microsoft.com/office/drawing/2014/main" id="{2C53DBDB-71C5-C3D3-7BC9-72E0A89D4871}"/>
              </a:ext>
            </a:extLst>
          </p:cNvPr>
          <p:cNvSpPr>
            <a:spLocks noGrp="1"/>
          </p:cNvSpPr>
          <p:nvPr>
            <p:ph type="body" sz="quarter" idx="47" hasCustomPrompt="1"/>
          </p:nvPr>
        </p:nvSpPr>
        <p:spPr>
          <a:xfrm>
            <a:off x="695323"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3" name="Text Placeholder 26">
            <a:extLst>
              <a:ext uri="{FF2B5EF4-FFF2-40B4-BE49-F238E27FC236}">
                <a16:creationId xmlns:a16="http://schemas.microsoft.com/office/drawing/2014/main" id="{50E63CBF-3677-CED8-53DF-AEB567F3D211}"/>
              </a:ext>
            </a:extLst>
          </p:cNvPr>
          <p:cNvSpPr>
            <a:spLocks noGrp="1"/>
          </p:cNvSpPr>
          <p:nvPr>
            <p:ph type="body" sz="quarter" idx="48" hasCustomPrompt="1"/>
          </p:nvPr>
        </p:nvSpPr>
        <p:spPr>
          <a:xfrm>
            <a:off x="3412515"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4" name="Text Placeholder 26">
            <a:extLst>
              <a:ext uri="{FF2B5EF4-FFF2-40B4-BE49-F238E27FC236}">
                <a16:creationId xmlns:a16="http://schemas.microsoft.com/office/drawing/2014/main" id="{82641B00-F6DB-C1E6-500C-96624C6E1B46}"/>
              </a:ext>
            </a:extLst>
          </p:cNvPr>
          <p:cNvSpPr>
            <a:spLocks noGrp="1"/>
          </p:cNvSpPr>
          <p:nvPr>
            <p:ph type="body" sz="quarter" idx="49" hasCustomPrompt="1"/>
          </p:nvPr>
        </p:nvSpPr>
        <p:spPr>
          <a:xfrm>
            <a:off x="6129707"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5" name="Text Placeholder 26">
            <a:extLst>
              <a:ext uri="{FF2B5EF4-FFF2-40B4-BE49-F238E27FC236}">
                <a16:creationId xmlns:a16="http://schemas.microsoft.com/office/drawing/2014/main" id="{85CC4EAE-9855-D1D5-0CB3-2B2926037105}"/>
              </a:ext>
            </a:extLst>
          </p:cNvPr>
          <p:cNvSpPr>
            <a:spLocks noGrp="1"/>
          </p:cNvSpPr>
          <p:nvPr>
            <p:ph type="body" sz="quarter" idx="50" hasCustomPrompt="1"/>
          </p:nvPr>
        </p:nvSpPr>
        <p:spPr>
          <a:xfrm>
            <a:off x="8846900"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6" name="Text Placeholder 26">
            <a:extLst>
              <a:ext uri="{FF2B5EF4-FFF2-40B4-BE49-F238E27FC236}">
                <a16:creationId xmlns:a16="http://schemas.microsoft.com/office/drawing/2014/main" id="{33244078-DB3A-2D80-BE36-EF48C9B22107}"/>
              </a:ext>
            </a:extLst>
          </p:cNvPr>
          <p:cNvSpPr>
            <a:spLocks noGrp="1"/>
          </p:cNvSpPr>
          <p:nvPr>
            <p:ph type="body" sz="quarter" idx="51" hasCustomPrompt="1"/>
          </p:nvPr>
        </p:nvSpPr>
        <p:spPr>
          <a:xfrm>
            <a:off x="695323"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1" name="Text Placeholder 26">
            <a:extLst>
              <a:ext uri="{FF2B5EF4-FFF2-40B4-BE49-F238E27FC236}">
                <a16:creationId xmlns:a16="http://schemas.microsoft.com/office/drawing/2014/main" id="{D9B1C158-BEFC-7FA2-1736-57BDE5E16140}"/>
              </a:ext>
            </a:extLst>
          </p:cNvPr>
          <p:cNvSpPr>
            <a:spLocks noGrp="1"/>
          </p:cNvSpPr>
          <p:nvPr>
            <p:ph type="body" sz="quarter" idx="52" hasCustomPrompt="1"/>
          </p:nvPr>
        </p:nvSpPr>
        <p:spPr>
          <a:xfrm>
            <a:off x="3412515"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32" name="Text Placeholder 26">
            <a:extLst>
              <a:ext uri="{FF2B5EF4-FFF2-40B4-BE49-F238E27FC236}">
                <a16:creationId xmlns:a16="http://schemas.microsoft.com/office/drawing/2014/main" id="{3CAC8FA8-4BF3-86A0-32FE-D5F597A28A2A}"/>
              </a:ext>
            </a:extLst>
          </p:cNvPr>
          <p:cNvSpPr>
            <a:spLocks noGrp="1"/>
          </p:cNvSpPr>
          <p:nvPr>
            <p:ph type="body" sz="quarter" idx="53" hasCustomPrompt="1"/>
          </p:nvPr>
        </p:nvSpPr>
        <p:spPr>
          <a:xfrm>
            <a:off x="6129707"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33" name="Text Placeholder 26">
            <a:extLst>
              <a:ext uri="{FF2B5EF4-FFF2-40B4-BE49-F238E27FC236}">
                <a16:creationId xmlns:a16="http://schemas.microsoft.com/office/drawing/2014/main" id="{D0729F30-245D-E353-74FF-93B2D7A59A1F}"/>
              </a:ext>
            </a:extLst>
          </p:cNvPr>
          <p:cNvSpPr>
            <a:spLocks noGrp="1"/>
          </p:cNvSpPr>
          <p:nvPr>
            <p:ph type="body" sz="quarter" idx="54" hasCustomPrompt="1"/>
          </p:nvPr>
        </p:nvSpPr>
        <p:spPr>
          <a:xfrm>
            <a:off x="8846900"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34" name="Text Placeholder 26">
            <a:extLst>
              <a:ext uri="{FF2B5EF4-FFF2-40B4-BE49-F238E27FC236}">
                <a16:creationId xmlns:a16="http://schemas.microsoft.com/office/drawing/2014/main" id="{7518FBE4-3C22-571A-94EB-139024932C45}"/>
              </a:ext>
            </a:extLst>
          </p:cNvPr>
          <p:cNvSpPr>
            <a:spLocks noGrp="1"/>
          </p:cNvSpPr>
          <p:nvPr>
            <p:ph type="body" sz="quarter" idx="55" hasCustomPrompt="1"/>
          </p:nvPr>
        </p:nvSpPr>
        <p:spPr>
          <a:xfrm>
            <a:off x="695323"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5" name="Text Placeholder 26">
            <a:extLst>
              <a:ext uri="{FF2B5EF4-FFF2-40B4-BE49-F238E27FC236}">
                <a16:creationId xmlns:a16="http://schemas.microsoft.com/office/drawing/2014/main" id="{B34AD992-EA1D-283F-03A8-B3F38EC858FB}"/>
              </a:ext>
            </a:extLst>
          </p:cNvPr>
          <p:cNvSpPr>
            <a:spLocks noGrp="1"/>
          </p:cNvSpPr>
          <p:nvPr>
            <p:ph type="body" sz="quarter" idx="56" hasCustomPrompt="1"/>
          </p:nvPr>
        </p:nvSpPr>
        <p:spPr>
          <a:xfrm>
            <a:off x="3412515"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8" name="Text Placeholder 26">
            <a:extLst>
              <a:ext uri="{FF2B5EF4-FFF2-40B4-BE49-F238E27FC236}">
                <a16:creationId xmlns:a16="http://schemas.microsoft.com/office/drawing/2014/main" id="{A88BDAC7-054D-DDBD-660A-42652FD87D85}"/>
              </a:ext>
            </a:extLst>
          </p:cNvPr>
          <p:cNvSpPr>
            <a:spLocks noGrp="1"/>
          </p:cNvSpPr>
          <p:nvPr>
            <p:ph type="body" sz="quarter" idx="57" hasCustomPrompt="1"/>
          </p:nvPr>
        </p:nvSpPr>
        <p:spPr>
          <a:xfrm>
            <a:off x="6129707"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9" name="Text Placeholder 26">
            <a:extLst>
              <a:ext uri="{FF2B5EF4-FFF2-40B4-BE49-F238E27FC236}">
                <a16:creationId xmlns:a16="http://schemas.microsoft.com/office/drawing/2014/main" id="{040C444E-392E-AD11-4D7F-FB53300195BF}"/>
              </a:ext>
            </a:extLst>
          </p:cNvPr>
          <p:cNvSpPr>
            <a:spLocks noGrp="1"/>
          </p:cNvSpPr>
          <p:nvPr>
            <p:ph type="body" sz="quarter" idx="58" hasCustomPrompt="1"/>
          </p:nvPr>
        </p:nvSpPr>
        <p:spPr>
          <a:xfrm>
            <a:off x="8846900"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40" name="Text Placeholder 26">
            <a:extLst>
              <a:ext uri="{FF2B5EF4-FFF2-40B4-BE49-F238E27FC236}">
                <a16:creationId xmlns:a16="http://schemas.microsoft.com/office/drawing/2014/main" id="{A125FE2E-C37C-5F61-4F50-1CE696A329C3}"/>
              </a:ext>
            </a:extLst>
          </p:cNvPr>
          <p:cNvSpPr>
            <a:spLocks noGrp="1"/>
          </p:cNvSpPr>
          <p:nvPr>
            <p:ph type="body" sz="quarter" idx="59" hasCustomPrompt="1"/>
          </p:nvPr>
        </p:nvSpPr>
        <p:spPr>
          <a:xfrm>
            <a:off x="695323"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1" name="Text Placeholder 26">
            <a:extLst>
              <a:ext uri="{FF2B5EF4-FFF2-40B4-BE49-F238E27FC236}">
                <a16:creationId xmlns:a16="http://schemas.microsoft.com/office/drawing/2014/main" id="{D4D45F9E-8A46-57A5-E407-955247D7DA6B}"/>
              </a:ext>
            </a:extLst>
          </p:cNvPr>
          <p:cNvSpPr>
            <a:spLocks noGrp="1"/>
          </p:cNvSpPr>
          <p:nvPr>
            <p:ph type="body" sz="quarter" idx="60" hasCustomPrompt="1"/>
          </p:nvPr>
        </p:nvSpPr>
        <p:spPr>
          <a:xfrm>
            <a:off x="3412515"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3" name="Text Placeholder 26">
            <a:extLst>
              <a:ext uri="{FF2B5EF4-FFF2-40B4-BE49-F238E27FC236}">
                <a16:creationId xmlns:a16="http://schemas.microsoft.com/office/drawing/2014/main" id="{D766AF8F-E97B-1D7E-A8E6-5E7DF6BCC284}"/>
              </a:ext>
            </a:extLst>
          </p:cNvPr>
          <p:cNvSpPr>
            <a:spLocks noGrp="1"/>
          </p:cNvSpPr>
          <p:nvPr>
            <p:ph type="body" sz="quarter" idx="61" hasCustomPrompt="1"/>
          </p:nvPr>
        </p:nvSpPr>
        <p:spPr>
          <a:xfrm>
            <a:off x="6129707"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5" name="Text Placeholder 26">
            <a:extLst>
              <a:ext uri="{FF2B5EF4-FFF2-40B4-BE49-F238E27FC236}">
                <a16:creationId xmlns:a16="http://schemas.microsoft.com/office/drawing/2014/main" id="{EFA1F475-A570-F7E9-5DD1-FA268FD10679}"/>
              </a:ext>
            </a:extLst>
          </p:cNvPr>
          <p:cNvSpPr>
            <a:spLocks noGrp="1"/>
          </p:cNvSpPr>
          <p:nvPr>
            <p:ph type="body" sz="quarter" idx="62" hasCustomPrompt="1"/>
          </p:nvPr>
        </p:nvSpPr>
        <p:spPr>
          <a:xfrm>
            <a:off x="8846900"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6" name="Text Placeholder 26">
            <a:extLst>
              <a:ext uri="{FF2B5EF4-FFF2-40B4-BE49-F238E27FC236}">
                <a16:creationId xmlns:a16="http://schemas.microsoft.com/office/drawing/2014/main" id="{6CF5F29D-5DA9-8477-84B2-9D8F24DF4970}"/>
              </a:ext>
            </a:extLst>
          </p:cNvPr>
          <p:cNvSpPr>
            <a:spLocks noGrp="1"/>
          </p:cNvSpPr>
          <p:nvPr>
            <p:ph type="body" sz="quarter" idx="63" hasCustomPrompt="1"/>
          </p:nvPr>
        </p:nvSpPr>
        <p:spPr>
          <a:xfrm>
            <a:off x="695323"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47" name="Text Placeholder 26">
            <a:extLst>
              <a:ext uri="{FF2B5EF4-FFF2-40B4-BE49-F238E27FC236}">
                <a16:creationId xmlns:a16="http://schemas.microsoft.com/office/drawing/2014/main" id="{A504496B-A96D-40E7-5FE0-290BA3D769FB}"/>
              </a:ext>
            </a:extLst>
          </p:cNvPr>
          <p:cNvSpPr>
            <a:spLocks noGrp="1"/>
          </p:cNvSpPr>
          <p:nvPr>
            <p:ph type="body" sz="quarter" idx="64" hasCustomPrompt="1"/>
          </p:nvPr>
        </p:nvSpPr>
        <p:spPr>
          <a:xfrm>
            <a:off x="3412515"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48" name="Text Placeholder 26">
            <a:extLst>
              <a:ext uri="{FF2B5EF4-FFF2-40B4-BE49-F238E27FC236}">
                <a16:creationId xmlns:a16="http://schemas.microsoft.com/office/drawing/2014/main" id="{5DE65A49-39B2-7004-768D-90514A0DDFB8}"/>
              </a:ext>
            </a:extLst>
          </p:cNvPr>
          <p:cNvSpPr>
            <a:spLocks noGrp="1"/>
          </p:cNvSpPr>
          <p:nvPr>
            <p:ph type="body" sz="quarter" idx="65" hasCustomPrompt="1"/>
          </p:nvPr>
        </p:nvSpPr>
        <p:spPr>
          <a:xfrm>
            <a:off x="6129707"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49" name="Text Placeholder 26">
            <a:extLst>
              <a:ext uri="{FF2B5EF4-FFF2-40B4-BE49-F238E27FC236}">
                <a16:creationId xmlns:a16="http://schemas.microsoft.com/office/drawing/2014/main" id="{3630D220-13A4-20C5-06C8-D7671BC85C40}"/>
              </a:ext>
            </a:extLst>
          </p:cNvPr>
          <p:cNvSpPr>
            <a:spLocks noGrp="1"/>
          </p:cNvSpPr>
          <p:nvPr>
            <p:ph type="body" sz="quarter" idx="66" hasCustomPrompt="1"/>
          </p:nvPr>
        </p:nvSpPr>
        <p:spPr>
          <a:xfrm>
            <a:off x="8846900"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50" name="Text Placeholder 26">
            <a:extLst>
              <a:ext uri="{FF2B5EF4-FFF2-40B4-BE49-F238E27FC236}">
                <a16:creationId xmlns:a16="http://schemas.microsoft.com/office/drawing/2014/main" id="{3B07E55B-F9B4-9D83-820F-56E3F11D0805}"/>
              </a:ext>
            </a:extLst>
          </p:cNvPr>
          <p:cNvSpPr>
            <a:spLocks noGrp="1"/>
          </p:cNvSpPr>
          <p:nvPr>
            <p:ph type="body" sz="quarter" idx="67" hasCustomPrompt="1"/>
          </p:nvPr>
        </p:nvSpPr>
        <p:spPr>
          <a:xfrm>
            <a:off x="209549" y="6182486"/>
            <a:ext cx="461125" cy="285832"/>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1" name="Text Placeholder 26">
            <a:extLst>
              <a:ext uri="{FF2B5EF4-FFF2-40B4-BE49-F238E27FC236}">
                <a16:creationId xmlns:a16="http://schemas.microsoft.com/office/drawing/2014/main" id="{C71D4B96-AB83-89AE-33E0-B95B1BF6DB25}"/>
              </a:ext>
            </a:extLst>
          </p:cNvPr>
          <p:cNvSpPr>
            <a:spLocks noGrp="1"/>
          </p:cNvSpPr>
          <p:nvPr>
            <p:ph type="body" sz="quarter" idx="68" hasCustomPrompt="1"/>
          </p:nvPr>
        </p:nvSpPr>
        <p:spPr>
          <a:xfrm>
            <a:off x="209549" y="5279293"/>
            <a:ext cx="461125" cy="845454"/>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2" name="Text Placeholder 26">
            <a:extLst>
              <a:ext uri="{FF2B5EF4-FFF2-40B4-BE49-F238E27FC236}">
                <a16:creationId xmlns:a16="http://schemas.microsoft.com/office/drawing/2014/main" id="{CD81E44E-727F-BBFC-F9E2-CF142ABFBF6A}"/>
              </a:ext>
            </a:extLst>
          </p:cNvPr>
          <p:cNvSpPr>
            <a:spLocks noGrp="1"/>
          </p:cNvSpPr>
          <p:nvPr>
            <p:ph type="body" sz="quarter" idx="69" hasCustomPrompt="1"/>
          </p:nvPr>
        </p:nvSpPr>
        <p:spPr>
          <a:xfrm>
            <a:off x="209549" y="2779553"/>
            <a:ext cx="461125" cy="1403498"/>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3" name="Text Placeholder 26">
            <a:extLst>
              <a:ext uri="{FF2B5EF4-FFF2-40B4-BE49-F238E27FC236}">
                <a16:creationId xmlns:a16="http://schemas.microsoft.com/office/drawing/2014/main" id="{582126F4-6531-E690-4364-A5891861B227}"/>
              </a:ext>
            </a:extLst>
          </p:cNvPr>
          <p:cNvSpPr>
            <a:spLocks noGrp="1"/>
          </p:cNvSpPr>
          <p:nvPr>
            <p:ph type="body" sz="quarter" idx="70" hasCustomPrompt="1"/>
          </p:nvPr>
        </p:nvSpPr>
        <p:spPr>
          <a:xfrm>
            <a:off x="209549" y="4255098"/>
            <a:ext cx="461125" cy="952961"/>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5" name="Text Placeholder 26">
            <a:extLst>
              <a:ext uri="{FF2B5EF4-FFF2-40B4-BE49-F238E27FC236}">
                <a16:creationId xmlns:a16="http://schemas.microsoft.com/office/drawing/2014/main" id="{5DBE9A10-5DB5-E639-3255-D3B51971DA22}"/>
              </a:ext>
            </a:extLst>
          </p:cNvPr>
          <p:cNvSpPr>
            <a:spLocks noGrp="1"/>
          </p:cNvSpPr>
          <p:nvPr>
            <p:ph type="body" sz="quarter" idx="71" hasCustomPrompt="1"/>
          </p:nvPr>
        </p:nvSpPr>
        <p:spPr>
          <a:xfrm>
            <a:off x="209549" y="1922385"/>
            <a:ext cx="461125" cy="782104"/>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4" name="Freeform: Shape 19">
            <a:extLst>
              <a:ext uri="{FF2B5EF4-FFF2-40B4-BE49-F238E27FC236}">
                <a16:creationId xmlns:a16="http://schemas.microsoft.com/office/drawing/2014/main" id="{B2E1100D-6C27-0DC2-260D-2890725BE99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54350701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yramid explanation">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4" name="Content Placeholder 6">
            <a:extLst>
              <a:ext uri="{FF2B5EF4-FFF2-40B4-BE49-F238E27FC236}">
                <a16:creationId xmlns:a16="http://schemas.microsoft.com/office/drawing/2014/main" id="{00149D5F-C0D7-08C3-842C-B841F02B360D}"/>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3" name="Text Placeholder 3">
            <a:extLst>
              <a:ext uri="{FF2B5EF4-FFF2-40B4-BE49-F238E27FC236}">
                <a16:creationId xmlns:a16="http://schemas.microsoft.com/office/drawing/2014/main" id="{019EB50D-8ED7-D0A4-9347-6BEC0CCCD3D0}"/>
              </a:ext>
            </a:extLst>
          </p:cNvPr>
          <p:cNvSpPr>
            <a:spLocks noGrp="1"/>
          </p:cNvSpPr>
          <p:nvPr>
            <p:ph type="body" sz="quarter" idx="42" hasCustomPrompt="1"/>
          </p:nvPr>
        </p:nvSpPr>
        <p:spPr>
          <a:xfrm>
            <a:off x="695324" y="5036997"/>
            <a:ext cx="5384839" cy="1204077"/>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1164 w 4521116"/>
              <a:gd name="connsiteY0" fmla="*/ 0 h 2352415"/>
              <a:gd name="connsiteX1" fmla="*/ 4458535 w 4521116"/>
              <a:gd name="connsiteY1" fmla="*/ 619 h 2352415"/>
              <a:gd name="connsiteX2" fmla="*/ 4518117 w 4521116"/>
              <a:gd name="connsiteY2" fmla="*/ 33742 h 2352415"/>
              <a:gd name="connsiteX3" fmla="*/ 4518117 w 4521116"/>
              <a:gd name="connsiteY3" fmla="*/ 2344738 h 2352415"/>
              <a:gd name="connsiteX4" fmla="*/ 2437407 w 4521116"/>
              <a:gd name="connsiteY4" fmla="*/ 2352415 h 2352415"/>
              <a:gd name="connsiteX5" fmla="*/ 21315 w 4521116"/>
              <a:gd name="connsiteY5" fmla="*/ 2344738 h 2352415"/>
              <a:gd name="connsiteX6" fmla="*/ 406 w 4521116"/>
              <a:gd name="connsiteY6" fmla="*/ 1881244 h 2352415"/>
              <a:gd name="connsiteX7" fmla="*/ 1164 w 4521116"/>
              <a:gd name="connsiteY7" fmla="*/ 0 h 2352415"/>
              <a:gd name="connsiteX0" fmla="*/ 4314 w 4524266"/>
              <a:gd name="connsiteY0" fmla="*/ 0 h 2352415"/>
              <a:gd name="connsiteX1" fmla="*/ 4461685 w 4524266"/>
              <a:gd name="connsiteY1" fmla="*/ 619 h 2352415"/>
              <a:gd name="connsiteX2" fmla="*/ 4521267 w 4524266"/>
              <a:gd name="connsiteY2" fmla="*/ 33742 h 2352415"/>
              <a:gd name="connsiteX3" fmla="*/ 4521267 w 4524266"/>
              <a:gd name="connsiteY3" fmla="*/ 2344738 h 2352415"/>
              <a:gd name="connsiteX4" fmla="*/ 2440557 w 4524266"/>
              <a:gd name="connsiteY4" fmla="*/ 2352415 h 2352415"/>
              <a:gd name="connsiteX5" fmla="*/ 24465 w 4524266"/>
              <a:gd name="connsiteY5" fmla="*/ 2344738 h 2352415"/>
              <a:gd name="connsiteX6" fmla="*/ 3556 w 4524266"/>
              <a:gd name="connsiteY6" fmla="*/ 1881244 h 2352415"/>
              <a:gd name="connsiteX7" fmla="*/ 4314 w 4524266"/>
              <a:gd name="connsiteY7" fmla="*/ 0 h 2352415"/>
              <a:gd name="connsiteX0" fmla="*/ 4314 w 4521999"/>
              <a:gd name="connsiteY0" fmla="*/ 0 h 2359997"/>
              <a:gd name="connsiteX1" fmla="*/ 4461685 w 4521999"/>
              <a:gd name="connsiteY1" fmla="*/ 619 h 2359997"/>
              <a:gd name="connsiteX2" fmla="*/ 4521267 w 4521999"/>
              <a:gd name="connsiteY2" fmla="*/ 33742 h 2359997"/>
              <a:gd name="connsiteX3" fmla="*/ 3919111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919111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919111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886737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886737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496793"/>
              <a:gd name="connsiteY0" fmla="*/ 5441 h 2365438"/>
              <a:gd name="connsiteX1" fmla="*/ 4461685 w 4496793"/>
              <a:gd name="connsiteY1" fmla="*/ 6060 h 2365438"/>
              <a:gd name="connsiteX2" fmla="*/ 4495368 w 4496793"/>
              <a:gd name="connsiteY2" fmla="*/ 23924 h 2365438"/>
              <a:gd name="connsiteX3" fmla="*/ 3886737 w 4496793"/>
              <a:gd name="connsiteY3" fmla="*/ 2365438 h 2365438"/>
              <a:gd name="connsiteX4" fmla="*/ 2440557 w 4496793"/>
              <a:gd name="connsiteY4" fmla="*/ 2357856 h 2365438"/>
              <a:gd name="connsiteX5" fmla="*/ 24465 w 4496793"/>
              <a:gd name="connsiteY5" fmla="*/ 2350179 h 2365438"/>
              <a:gd name="connsiteX6" fmla="*/ 3556 w 4496793"/>
              <a:gd name="connsiteY6" fmla="*/ 1886685 h 2365438"/>
              <a:gd name="connsiteX7" fmla="*/ 4314 w 4496793"/>
              <a:gd name="connsiteY7" fmla="*/ 5441 h 2365438"/>
              <a:gd name="connsiteX0" fmla="*/ 4314 w 4496793"/>
              <a:gd name="connsiteY0" fmla="*/ 5441 h 2365438"/>
              <a:gd name="connsiteX1" fmla="*/ 4461685 w 4496793"/>
              <a:gd name="connsiteY1" fmla="*/ 6060 h 2365438"/>
              <a:gd name="connsiteX2" fmla="*/ 4495368 w 4496793"/>
              <a:gd name="connsiteY2" fmla="*/ 23924 h 2365438"/>
              <a:gd name="connsiteX3" fmla="*/ 3886737 w 4496793"/>
              <a:gd name="connsiteY3" fmla="*/ 2365438 h 2365438"/>
              <a:gd name="connsiteX4" fmla="*/ 2440557 w 4496793"/>
              <a:gd name="connsiteY4" fmla="*/ 2357856 h 2365438"/>
              <a:gd name="connsiteX5" fmla="*/ 24465 w 4496793"/>
              <a:gd name="connsiteY5" fmla="*/ 2350179 h 2365438"/>
              <a:gd name="connsiteX6" fmla="*/ 3556 w 4496793"/>
              <a:gd name="connsiteY6" fmla="*/ 1886685 h 2365438"/>
              <a:gd name="connsiteX7" fmla="*/ 4314 w 4496793"/>
              <a:gd name="connsiteY7" fmla="*/ 5441 h 2365438"/>
              <a:gd name="connsiteX0" fmla="*/ 4314 w 4512452"/>
              <a:gd name="connsiteY0" fmla="*/ 5441 h 2365438"/>
              <a:gd name="connsiteX1" fmla="*/ 4461685 w 4512452"/>
              <a:gd name="connsiteY1" fmla="*/ 6060 h 2365438"/>
              <a:gd name="connsiteX2" fmla="*/ 4511555 w 4512452"/>
              <a:gd name="connsiteY2" fmla="*/ 23924 h 2365438"/>
              <a:gd name="connsiteX3" fmla="*/ 3886737 w 4512452"/>
              <a:gd name="connsiteY3" fmla="*/ 2365438 h 2365438"/>
              <a:gd name="connsiteX4" fmla="*/ 2440557 w 4512452"/>
              <a:gd name="connsiteY4" fmla="*/ 2357856 h 2365438"/>
              <a:gd name="connsiteX5" fmla="*/ 24465 w 4512452"/>
              <a:gd name="connsiteY5" fmla="*/ 2350179 h 2365438"/>
              <a:gd name="connsiteX6" fmla="*/ 3556 w 4512452"/>
              <a:gd name="connsiteY6" fmla="*/ 1886685 h 2365438"/>
              <a:gd name="connsiteX7" fmla="*/ 4314 w 4512452"/>
              <a:gd name="connsiteY7" fmla="*/ 5441 h 2365438"/>
              <a:gd name="connsiteX0" fmla="*/ 4314 w 4511555"/>
              <a:gd name="connsiteY0" fmla="*/ 0 h 2359997"/>
              <a:gd name="connsiteX1" fmla="*/ 4461685 w 4511555"/>
              <a:gd name="connsiteY1" fmla="*/ 619 h 2359997"/>
              <a:gd name="connsiteX2" fmla="*/ 4511555 w 4511555"/>
              <a:gd name="connsiteY2" fmla="*/ 18483 h 2359997"/>
              <a:gd name="connsiteX3" fmla="*/ 3886737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511555"/>
              <a:gd name="connsiteY0" fmla="*/ 0 h 2359997"/>
              <a:gd name="connsiteX1" fmla="*/ 4461685 w 4511555"/>
              <a:gd name="connsiteY1" fmla="*/ 619 h 2359997"/>
              <a:gd name="connsiteX2" fmla="*/ 4511555 w 4511555"/>
              <a:gd name="connsiteY2" fmla="*/ 18483 h 2359997"/>
              <a:gd name="connsiteX3" fmla="*/ 3900611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511555"/>
              <a:gd name="connsiteY0" fmla="*/ 0 h 2359997"/>
              <a:gd name="connsiteX1" fmla="*/ 4461685 w 4511555"/>
              <a:gd name="connsiteY1" fmla="*/ 619 h 2359997"/>
              <a:gd name="connsiteX2" fmla="*/ 4511555 w 4511555"/>
              <a:gd name="connsiteY2" fmla="*/ 18483 h 2359997"/>
              <a:gd name="connsiteX3" fmla="*/ 3900611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511555"/>
              <a:gd name="connsiteY0" fmla="*/ 0 h 2359997"/>
              <a:gd name="connsiteX1" fmla="*/ 4461685 w 4511555"/>
              <a:gd name="connsiteY1" fmla="*/ 619 h 2359997"/>
              <a:gd name="connsiteX2" fmla="*/ 4511555 w 4511555"/>
              <a:gd name="connsiteY2" fmla="*/ 18483 h 2359997"/>
              <a:gd name="connsiteX3" fmla="*/ 3551147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462422"/>
              <a:gd name="connsiteY0" fmla="*/ 36134 h 2396131"/>
              <a:gd name="connsiteX1" fmla="*/ 4461685 w 4462422"/>
              <a:gd name="connsiteY1" fmla="*/ 36753 h 2396131"/>
              <a:gd name="connsiteX2" fmla="*/ 4115936 w 4462422"/>
              <a:gd name="connsiteY2" fmla="*/ 2794 h 2396131"/>
              <a:gd name="connsiteX3" fmla="*/ 3551147 w 4462422"/>
              <a:gd name="connsiteY3" fmla="*/ 2396131 h 2396131"/>
              <a:gd name="connsiteX4" fmla="*/ 2440557 w 4462422"/>
              <a:gd name="connsiteY4" fmla="*/ 2388549 h 2396131"/>
              <a:gd name="connsiteX5" fmla="*/ 24465 w 4462422"/>
              <a:gd name="connsiteY5" fmla="*/ 2380872 h 2396131"/>
              <a:gd name="connsiteX6" fmla="*/ 3556 w 4462422"/>
              <a:gd name="connsiteY6" fmla="*/ 1917378 h 2396131"/>
              <a:gd name="connsiteX7" fmla="*/ 4314 w 4462422"/>
              <a:gd name="connsiteY7" fmla="*/ 36134 h 2396131"/>
              <a:gd name="connsiteX0" fmla="*/ 4314 w 4337478"/>
              <a:gd name="connsiteY0" fmla="*/ 36134 h 2396131"/>
              <a:gd name="connsiteX1" fmla="*/ 4336406 w 4337478"/>
              <a:gd name="connsiteY1" fmla="*/ 36752 h 2396131"/>
              <a:gd name="connsiteX2" fmla="*/ 4115936 w 4337478"/>
              <a:gd name="connsiteY2" fmla="*/ 2794 h 2396131"/>
              <a:gd name="connsiteX3" fmla="*/ 3551147 w 4337478"/>
              <a:gd name="connsiteY3" fmla="*/ 2396131 h 2396131"/>
              <a:gd name="connsiteX4" fmla="*/ 2440557 w 4337478"/>
              <a:gd name="connsiteY4" fmla="*/ 2388549 h 2396131"/>
              <a:gd name="connsiteX5" fmla="*/ 24465 w 4337478"/>
              <a:gd name="connsiteY5" fmla="*/ 2380872 h 2396131"/>
              <a:gd name="connsiteX6" fmla="*/ 3556 w 4337478"/>
              <a:gd name="connsiteY6" fmla="*/ 1917378 h 2396131"/>
              <a:gd name="connsiteX7" fmla="*/ 4314 w 4337478"/>
              <a:gd name="connsiteY7" fmla="*/ 36134 h 2396131"/>
              <a:gd name="connsiteX0" fmla="*/ 4314 w 4115936"/>
              <a:gd name="connsiteY0" fmla="*/ 51205 h 2411202"/>
              <a:gd name="connsiteX1" fmla="*/ 4085847 w 4115936"/>
              <a:gd name="connsiteY1" fmla="*/ 0 h 2411202"/>
              <a:gd name="connsiteX2" fmla="*/ 4115936 w 4115936"/>
              <a:gd name="connsiteY2" fmla="*/ 17865 h 2411202"/>
              <a:gd name="connsiteX3" fmla="*/ 3551147 w 4115936"/>
              <a:gd name="connsiteY3" fmla="*/ 2411202 h 2411202"/>
              <a:gd name="connsiteX4" fmla="*/ 2440557 w 4115936"/>
              <a:gd name="connsiteY4" fmla="*/ 2403620 h 2411202"/>
              <a:gd name="connsiteX5" fmla="*/ 24465 w 4115936"/>
              <a:gd name="connsiteY5" fmla="*/ 2395943 h 2411202"/>
              <a:gd name="connsiteX6" fmla="*/ 3556 w 4115936"/>
              <a:gd name="connsiteY6" fmla="*/ 1932449 h 2411202"/>
              <a:gd name="connsiteX7" fmla="*/ 4314 w 4115936"/>
              <a:gd name="connsiteY7" fmla="*/ 51205 h 24112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115936" h="2411202">
                <a:moveTo>
                  <a:pt x="4314" y="51205"/>
                </a:moveTo>
                <a:lnTo>
                  <a:pt x="4085847" y="0"/>
                </a:lnTo>
                <a:cubicBezTo>
                  <a:pt x="4105708" y="11041"/>
                  <a:pt x="4093393" y="1499"/>
                  <a:pt x="4115936" y="17865"/>
                </a:cubicBezTo>
                <a:cubicBezTo>
                  <a:pt x="3954340" y="677101"/>
                  <a:pt x="3771599" y="1576383"/>
                  <a:pt x="3551147" y="2411202"/>
                </a:cubicBezTo>
                <a:lnTo>
                  <a:pt x="2440557" y="2403620"/>
                </a:lnTo>
                <a:lnTo>
                  <a:pt x="24465" y="2395943"/>
                </a:lnTo>
                <a:cubicBezTo>
                  <a:pt x="570" y="2394745"/>
                  <a:pt x="8811" y="2290522"/>
                  <a:pt x="3556" y="1932449"/>
                </a:cubicBezTo>
                <a:cubicBezTo>
                  <a:pt x="348" y="1424424"/>
                  <a:pt x="-2836" y="320155"/>
                  <a:pt x="4314" y="51205"/>
                </a:cubicBezTo>
                <a:close/>
              </a:path>
            </a:pathLst>
          </a:custGeom>
          <a:solidFill>
            <a:srgbClr val="D3E3E5"/>
          </a:solidFill>
        </p:spPr>
        <p:txBody>
          <a:bodyPr lIns="144000" tIns="144000"/>
          <a:lstStyle>
            <a:lvl1pPr marL="0" indent="0">
              <a:buNone/>
              <a:defRPr>
                <a:solidFill>
                  <a:schemeClr val="tx1"/>
                </a:solidFill>
              </a:defRPr>
            </a:lvl1pPr>
            <a:lvl2pPr marL="184150" indent="-171450">
              <a:buFont typeface="Arial" panose="020B0604020202020204" pitchFamily="34" charset="0"/>
              <a:buChar char="•"/>
              <a:tabLst/>
              <a:defRPr sz="1400">
                <a:solidFill>
                  <a:schemeClr val="tx1"/>
                </a:solidFill>
              </a:defRPr>
            </a:lvl2pPr>
          </a:lstStyle>
          <a:p>
            <a:pPr lvl="0"/>
            <a:r>
              <a:rPr lang="en-GB"/>
              <a:t>Explanation to pyramid bottom</a:t>
            </a:r>
          </a:p>
          <a:p>
            <a:pPr lvl="1"/>
            <a:r>
              <a:rPr lang="en-GB"/>
              <a:t>List style</a:t>
            </a:r>
          </a:p>
        </p:txBody>
      </p:sp>
      <p:sp>
        <p:nvSpPr>
          <p:cNvPr id="3" name="Text Placeholder 22">
            <a:extLst>
              <a:ext uri="{FF2B5EF4-FFF2-40B4-BE49-F238E27FC236}">
                <a16:creationId xmlns:a16="http://schemas.microsoft.com/office/drawing/2014/main" id="{DDFFBEC5-B951-91EF-98E4-C59D123A75A2}"/>
              </a:ext>
            </a:extLst>
          </p:cNvPr>
          <p:cNvSpPr>
            <a:spLocks noGrp="1"/>
          </p:cNvSpPr>
          <p:nvPr>
            <p:ph type="body" sz="quarter" idx="45" hasCustomPrompt="1"/>
          </p:nvPr>
        </p:nvSpPr>
        <p:spPr>
          <a:xfrm>
            <a:off x="5322100" y="5001272"/>
            <a:ext cx="5722131" cy="1353237"/>
          </a:xfrm>
          <a:custGeom>
            <a:avLst/>
            <a:gdLst>
              <a:gd name="connsiteX0" fmla="*/ 0 w 2208213"/>
              <a:gd name="connsiteY0" fmla="*/ 0 h 1550987"/>
              <a:gd name="connsiteX1" fmla="*/ 2208213 w 2208213"/>
              <a:gd name="connsiteY1" fmla="*/ 0 h 1550987"/>
              <a:gd name="connsiteX2" fmla="*/ 2208213 w 2208213"/>
              <a:gd name="connsiteY2" fmla="*/ 1550987 h 1550987"/>
              <a:gd name="connsiteX3" fmla="*/ 0 w 2208213"/>
              <a:gd name="connsiteY3" fmla="*/ 1550987 h 1550987"/>
              <a:gd name="connsiteX4" fmla="*/ 0 w 2208213"/>
              <a:gd name="connsiteY4" fmla="*/ 0 h 1550987"/>
              <a:gd name="connsiteX0" fmla="*/ 0 w 2214987"/>
              <a:gd name="connsiteY0" fmla="*/ 1442720 h 1550987"/>
              <a:gd name="connsiteX1" fmla="*/ 2214987 w 2214987"/>
              <a:gd name="connsiteY1" fmla="*/ 0 h 1550987"/>
              <a:gd name="connsiteX2" fmla="*/ 2214987 w 2214987"/>
              <a:gd name="connsiteY2" fmla="*/ 1550987 h 1550987"/>
              <a:gd name="connsiteX3" fmla="*/ 6774 w 2214987"/>
              <a:gd name="connsiteY3" fmla="*/ 1550987 h 1550987"/>
              <a:gd name="connsiteX4" fmla="*/ 0 w 2214987"/>
              <a:gd name="connsiteY4" fmla="*/ 1442720 h 1550987"/>
              <a:gd name="connsiteX0" fmla="*/ 0 w 2214987"/>
              <a:gd name="connsiteY0" fmla="*/ 0 h 108267"/>
              <a:gd name="connsiteX1" fmla="*/ 1117707 w 2214987"/>
              <a:gd name="connsiteY1" fmla="*/ 6774 h 108267"/>
              <a:gd name="connsiteX2" fmla="*/ 2214987 w 2214987"/>
              <a:gd name="connsiteY2" fmla="*/ 108267 h 108267"/>
              <a:gd name="connsiteX3" fmla="*/ 6774 w 2214987"/>
              <a:gd name="connsiteY3" fmla="*/ 108267 h 108267"/>
              <a:gd name="connsiteX4" fmla="*/ 0 w 2214987"/>
              <a:gd name="connsiteY4" fmla="*/ 0 h 108267"/>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4165 w 2219152"/>
              <a:gd name="connsiteY0" fmla="*/ 1679786 h 1788053"/>
              <a:gd name="connsiteX1" fmla="*/ 1067685 w 2219152"/>
              <a:gd name="connsiteY1" fmla="*/ 0 h 1788053"/>
              <a:gd name="connsiteX2" fmla="*/ 2219152 w 2219152"/>
              <a:gd name="connsiteY2" fmla="*/ 1788053 h 1788053"/>
              <a:gd name="connsiteX3" fmla="*/ 10939 w 2219152"/>
              <a:gd name="connsiteY3" fmla="*/ 1788053 h 1788053"/>
              <a:gd name="connsiteX4" fmla="*/ 4165 w 2219152"/>
              <a:gd name="connsiteY4" fmla="*/ 1679786 h 1788053"/>
              <a:gd name="connsiteX0" fmla="*/ 8666 w 2217303"/>
              <a:gd name="connsiteY0" fmla="*/ 1743286 h 1788053"/>
              <a:gd name="connsiteX1" fmla="*/ 1065836 w 2217303"/>
              <a:gd name="connsiteY1" fmla="*/ 0 h 1788053"/>
              <a:gd name="connsiteX2" fmla="*/ 2217303 w 2217303"/>
              <a:gd name="connsiteY2" fmla="*/ 1788053 h 1788053"/>
              <a:gd name="connsiteX3" fmla="*/ 9090 w 2217303"/>
              <a:gd name="connsiteY3" fmla="*/ 1788053 h 1788053"/>
              <a:gd name="connsiteX4" fmla="*/ 8666 w 2217303"/>
              <a:gd name="connsiteY4" fmla="*/ 1743286 h 1788053"/>
              <a:gd name="connsiteX0" fmla="*/ 8666 w 2217367"/>
              <a:gd name="connsiteY0" fmla="*/ 1743286 h 1788053"/>
              <a:gd name="connsiteX1" fmla="*/ 1065836 w 2217367"/>
              <a:gd name="connsiteY1" fmla="*/ 0 h 1788053"/>
              <a:gd name="connsiteX2" fmla="*/ 2217303 w 2217367"/>
              <a:gd name="connsiteY2" fmla="*/ 1788053 h 1788053"/>
              <a:gd name="connsiteX3" fmla="*/ 9090 w 2217367"/>
              <a:gd name="connsiteY3" fmla="*/ 1788053 h 1788053"/>
              <a:gd name="connsiteX4" fmla="*/ 8666 w 2217367"/>
              <a:gd name="connsiteY4" fmla="*/ 1743286 h 1788053"/>
              <a:gd name="connsiteX0" fmla="*/ 8666 w 2217367"/>
              <a:gd name="connsiteY0" fmla="*/ 1743286 h 1792286"/>
              <a:gd name="connsiteX1" fmla="*/ 1065836 w 2217367"/>
              <a:gd name="connsiteY1" fmla="*/ 0 h 1792286"/>
              <a:gd name="connsiteX2" fmla="*/ 2217303 w 2217367"/>
              <a:gd name="connsiteY2" fmla="*/ 1788053 h 1792286"/>
              <a:gd name="connsiteX3" fmla="*/ 9090 w 2217367"/>
              <a:gd name="connsiteY3" fmla="*/ 1788053 h 1792286"/>
              <a:gd name="connsiteX4" fmla="*/ 8666 w 2217367"/>
              <a:gd name="connsiteY4" fmla="*/ 1743286 h 1792286"/>
              <a:gd name="connsiteX0" fmla="*/ 11131 w 2219832"/>
              <a:gd name="connsiteY0" fmla="*/ 1743286 h 1794403"/>
              <a:gd name="connsiteX1" fmla="*/ 1068301 w 2219832"/>
              <a:gd name="connsiteY1" fmla="*/ 0 h 1794403"/>
              <a:gd name="connsiteX2" fmla="*/ 2219768 w 2219832"/>
              <a:gd name="connsiteY2" fmla="*/ 1788053 h 1794403"/>
              <a:gd name="connsiteX3" fmla="*/ 8380 w 2219832"/>
              <a:gd name="connsiteY3" fmla="*/ 1794403 h 1794403"/>
              <a:gd name="connsiteX4" fmla="*/ 11131 w 2219832"/>
              <a:gd name="connsiteY4" fmla="*/ 174328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87863"/>
              <a:gd name="connsiteY0" fmla="*/ 1780405 h 1812472"/>
              <a:gd name="connsiteX1" fmla="*/ 1069849 w 2287863"/>
              <a:gd name="connsiteY1" fmla="*/ 18069 h 1812472"/>
              <a:gd name="connsiteX2" fmla="*/ 1654578 w 2287863"/>
              <a:gd name="connsiteY2" fmla="*/ 920296 h 1812472"/>
              <a:gd name="connsiteX3" fmla="*/ 2221316 w 2287863"/>
              <a:gd name="connsiteY3" fmla="*/ 1806122 h 1812472"/>
              <a:gd name="connsiteX4" fmla="*/ 9928 w 2287863"/>
              <a:gd name="connsiteY4" fmla="*/ 1812472 h 1812472"/>
              <a:gd name="connsiteX5" fmla="*/ 6329 w 2287863"/>
              <a:gd name="connsiteY5" fmla="*/ 1780405 h 1812472"/>
              <a:gd name="connsiteX0" fmla="*/ 6329 w 2223184"/>
              <a:gd name="connsiteY0" fmla="*/ 1780405 h 1812472"/>
              <a:gd name="connsiteX1" fmla="*/ 1069849 w 2223184"/>
              <a:gd name="connsiteY1" fmla="*/ 18069 h 1812472"/>
              <a:gd name="connsiteX2" fmla="*/ 1654578 w 2223184"/>
              <a:gd name="connsiteY2" fmla="*/ 920296 h 1812472"/>
              <a:gd name="connsiteX3" fmla="*/ 2221316 w 2223184"/>
              <a:gd name="connsiteY3" fmla="*/ 1806122 h 1812472"/>
              <a:gd name="connsiteX4" fmla="*/ 9928 w 2223184"/>
              <a:gd name="connsiteY4" fmla="*/ 1812472 h 1812472"/>
              <a:gd name="connsiteX5" fmla="*/ 6329 w 2223184"/>
              <a:gd name="connsiteY5" fmla="*/ 1780405 h 1812472"/>
              <a:gd name="connsiteX0" fmla="*/ 6329 w 2223184"/>
              <a:gd name="connsiteY0" fmla="*/ 1763110 h 1795177"/>
              <a:gd name="connsiteX1" fmla="*/ 1069849 w 2223184"/>
              <a:gd name="connsiteY1" fmla="*/ 774 h 1795177"/>
              <a:gd name="connsiteX2" fmla="*/ 1654578 w 2223184"/>
              <a:gd name="connsiteY2" fmla="*/ 903001 h 1795177"/>
              <a:gd name="connsiteX3" fmla="*/ 2221316 w 2223184"/>
              <a:gd name="connsiteY3" fmla="*/ 1788827 h 1795177"/>
              <a:gd name="connsiteX4" fmla="*/ 9928 w 2223184"/>
              <a:gd name="connsiteY4" fmla="*/ 1795177 h 1795177"/>
              <a:gd name="connsiteX5" fmla="*/ 6329 w 2223184"/>
              <a:gd name="connsiteY5" fmla="*/ 1763110 h 1795177"/>
              <a:gd name="connsiteX0" fmla="*/ 6329 w 2223184"/>
              <a:gd name="connsiteY0" fmla="*/ 1759939 h 1792006"/>
              <a:gd name="connsiteX1" fmla="*/ 1082549 w 2223184"/>
              <a:gd name="connsiteY1" fmla="*/ 778 h 1792006"/>
              <a:gd name="connsiteX2" fmla="*/ 1654578 w 2223184"/>
              <a:gd name="connsiteY2" fmla="*/ 899830 h 1792006"/>
              <a:gd name="connsiteX3" fmla="*/ 2221316 w 2223184"/>
              <a:gd name="connsiteY3" fmla="*/ 1785656 h 1792006"/>
              <a:gd name="connsiteX4" fmla="*/ 9928 w 2223184"/>
              <a:gd name="connsiteY4" fmla="*/ 1792006 h 1792006"/>
              <a:gd name="connsiteX5" fmla="*/ 6329 w 2223184"/>
              <a:gd name="connsiteY5" fmla="*/ 1759939 h 1792006"/>
              <a:gd name="connsiteX0" fmla="*/ 6329 w 2223752"/>
              <a:gd name="connsiteY0" fmla="*/ 895066 h 927133"/>
              <a:gd name="connsiteX1" fmla="*/ 449928 w 2223752"/>
              <a:gd name="connsiteY1" fmla="*/ 179133 h 927133"/>
              <a:gd name="connsiteX2" fmla="*/ 1654578 w 2223752"/>
              <a:gd name="connsiteY2" fmla="*/ 34957 h 927133"/>
              <a:gd name="connsiteX3" fmla="*/ 2221316 w 2223752"/>
              <a:gd name="connsiteY3" fmla="*/ 920783 h 927133"/>
              <a:gd name="connsiteX4" fmla="*/ 9928 w 2223752"/>
              <a:gd name="connsiteY4" fmla="*/ 927133 h 927133"/>
              <a:gd name="connsiteX5" fmla="*/ 6329 w 2223752"/>
              <a:gd name="connsiteY5" fmla="*/ 895066 h 927133"/>
              <a:gd name="connsiteX0" fmla="*/ 6329 w 2223898"/>
              <a:gd name="connsiteY0" fmla="*/ 719578 h 751645"/>
              <a:gd name="connsiteX1" fmla="*/ 449928 w 2223898"/>
              <a:gd name="connsiteY1" fmla="*/ 3645 h 751645"/>
              <a:gd name="connsiteX2" fmla="*/ 1673676 w 2223898"/>
              <a:gd name="connsiteY2" fmla="*/ 217557 h 751645"/>
              <a:gd name="connsiteX3" fmla="*/ 2221316 w 2223898"/>
              <a:gd name="connsiteY3" fmla="*/ 745295 h 751645"/>
              <a:gd name="connsiteX4" fmla="*/ 9928 w 2223898"/>
              <a:gd name="connsiteY4" fmla="*/ 751645 h 751645"/>
              <a:gd name="connsiteX5" fmla="*/ 6329 w 2223898"/>
              <a:gd name="connsiteY5" fmla="*/ 719578 h 751645"/>
              <a:gd name="connsiteX0" fmla="*/ 6329 w 2224352"/>
              <a:gd name="connsiteY0" fmla="*/ 757776 h 789843"/>
              <a:gd name="connsiteX1" fmla="*/ 449928 w 2224352"/>
              <a:gd name="connsiteY1" fmla="*/ 41843 h 789843"/>
              <a:gd name="connsiteX2" fmla="*/ 1721421 w 2224352"/>
              <a:gd name="connsiteY2" fmla="*/ 71936 h 789843"/>
              <a:gd name="connsiteX3" fmla="*/ 2221316 w 2224352"/>
              <a:gd name="connsiteY3" fmla="*/ 783493 h 789843"/>
              <a:gd name="connsiteX4" fmla="*/ 9928 w 2224352"/>
              <a:gd name="connsiteY4" fmla="*/ 789843 h 789843"/>
              <a:gd name="connsiteX5" fmla="*/ 6329 w 2224352"/>
              <a:gd name="connsiteY5" fmla="*/ 757776 h 789843"/>
              <a:gd name="connsiteX0" fmla="*/ 6329 w 2222973"/>
              <a:gd name="connsiteY0" fmla="*/ 746262 h 778329"/>
              <a:gd name="connsiteX1" fmla="*/ 449928 w 2222973"/>
              <a:gd name="connsiteY1" fmla="*/ 30329 h 778329"/>
              <a:gd name="connsiteX2" fmla="*/ 1721421 w 2222973"/>
              <a:gd name="connsiteY2" fmla="*/ 60422 h 778329"/>
              <a:gd name="connsiteX3" fmla="*/ 2221316 w 2222973"/>
              <a:gd name="connsiteY3" fmla="*/ 771979 h 778329"/>
              <a:gd name="connsiteX4" fmla="*/ 9928 w 2222973"/>
              <a:gd name="connsiteY4" fmla="*/ 778329 h 778329"/>
              <a:gd name="connsiteX5" fmla="*/ 6329 w 2222973"/>
              <a:gd name="connsiteY5" fmla="*/ 746262 h 778329"/>
              <a:gd name="connsiteX0" fmla="*/ 6329 w 2222965"/>
              <a:gd name="connsiteY0" fmla="*/ 768416 h 800483"/>
              <a:gd name="connsiteX1" fmla="*/ 449928 w 2222965"/>
              <a:gd name="connsiteY1" fmla="*/ 52483 h 800483"/>
              <a:gd name="connsiteX2" fmla="*/ 1719034 w 2222965"/>
              <a:gd name="connsiteY2" fmla="*/ 46767 h 800483"/>
              <a:gd name="connsiteX3" fmla="*/ 2221316 w 2222965"/>
              <a:gd name="connsiteY3" fmla="*/ 794133 h 800483"/>
              <a:gd name="connsiteX4" fmla="*/ 9928 w 2222965"/>
              <a:gd name="connsiteY4" fmla="*/ 800483 h 800483"/>
              <a:gd name="connsiteX5" fmla="*/ 6329 w 2222965"/>
              <a:gd name="connsiteY5" fmla="*/ 768416 h 80048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25210 h 757277"/>
              <a:gd name="connsiteX1" fmla="*/ 449928 w 2222794"/>
              <a:gd name="connsiteY1" fmla="*/ 9277 h 757277"/>
              <a:gd name="connsiteX2" fmla="*/ 1719034 w 2222794"/>
              <a:gd name="connsiteY2" fmla="*/ 3561 h 757277"/>
              <a:gd name="connsiteX3" fmla="*/ 2221316 w 2222794"/>
              <a:gd name="connsiteY3" fmla="*/ 750927 h 757277"/>
              <a:gd name="connsiteX4" fmla="*/ 9928 w 2222794"/>
              <a:gd name="connsiteY4" fmla="*/ 757277 h 757277"/>
              <a:gd name="connsiteX5" fmla="*/ 6329 w 2222794"/>
              <a:gd name="connsiteY5" fmla="*/ 725210 h 757277"/>
              <a:gd name="connsiteX0" fmla="*/ 6329 w 2224321"/>
              <a:gd name="connsiteY0" fmla="*/ 776876 h 808943"/>
              <a:gd name="connsiteX1" fmla="*/ 452315 w 2224321"/>
              <a:gd name="connsiteY1" fmla="*/ 53782 h 808943"/>
              <a:gd name="connsiteX2" fmla="*/ 1719034 w 2224321"/>
              <a:gd name="connsiteY2" fmla="*/ 55227 h 808943"/>
              <a:gd name="connsiteX3" fmla="*/ 2221316 w 2224321"/>
              <a:gd name="connsiteY3" fmla="*/ 802593 h 808943"/>
              <a:gd name="connsiteX4" fmla="*/ 9928 w 2224321"/>
              <a:gd name="connsiteY4" fmla="*/ 808943 h 808943"/>
              <a:gd name="connsiteX5" fmla="*/ 6329 w 2224321"/>
              <a:gd name="connsiteY5" fmla="*/ 776876 h 808943"/>
              <a:gd name="connsiteX0" fmla="*/ 6329 w 2222799"/>
              <a:gd name="connsiteY0" fmla="*/ 729135 h 761202"/>
              <a:gd name="connsiteX1" fmla="*/ 452315 w 2222799"/>
              <a:gd name="connsiteY1" fmla="*/ 6041 h 761202"/>
              <a:gd name="connsiteX2" fmla="*/ 1719034 w 2222799"/>
              <a:gd name="connsiteY2" fmla="*/ 7486 h 761202"/>
              <a:gd name="connsiteX3" fmla="*/ 2221316 w 2222799"/>
              <a:gd name="connsiteY3" fmla="*/ 754852 h 761202"/>
              <a:gd name="connsiteX4" fmla="*/ 9928 w 2222799"/>
              <a:gd name="connsiteY4" fmla="*/ 761202 h 761202"/>
              <a:gd name="connsiteX5" fmla="*/ 6329 w 2222799"/>
              <a:gd name="connsiteY5" fmla="*/ 729135 h 761202"/>
              <a:gd name="connsiteX0" fmla="*/ 17733 w 2234203"/>
              <a:gd name="connsiteY0" fmla="*/ 729135 h 761202"/>
              <a:gd name="connsiteX1" fmla="*/ 463719 w 2234203"/>
              <a:gd name="connsiteY1" fmla="*/ 6041 h 761202"/>
              <a:gd name="connsiteX2" fmla="*/ 1730438 w 2234203"/>
              <a:gd name="connsiteY2" fmla="*/ 7486 h 761202"/>
              <a:gd name="connsiteX3" fmla="*/ 2232720 w 2234203"/>
              <a:gd name="connsiteY3" fmla="*/ 754852 h 761202"/>
              <a:gd name="connsiteX4" fmla="*/ 7008 w 2234203"/>
              <a:gd name="connsiteY4" fmla="*/ 761202 h 761202"/>
              <a:gd name="connsiteX5" fmla="*/ 17733 w 2234203"/>
              <a:gd name="connsiteY5" fmla="*/ 729135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556 w 2229242"/>
              <a:gd name="connsiteY0" fmla="*/ 478474 h 761202"/>
              <a:gd name="connsiteX1" fmla="*/ 458758 w 2229242"/>
              <a:gd name="connsiteY1" fmla="*/ 6041 h 761202"/>
              <a:gd name="connsiteX2" fmla="*/ 1725477 w 2229242"/>
              <a:gd name="connsiteY2" fmla="*/ 7486 h 761202"/>
              <a:gd name="connsiteX3" fmla="*/ 2227759 w 2229242"/>
              <a:gd name="connsiteY3" fmla="*/ 754852 h 761202"/>
              <a:gd name="connsiteX4" fmla="*/ 2047 w 2229242"/>
              <a:gd name="connsiteY4" fmla="*/ 761202 h 761202"/>
              <a:gd name="connsiteX5" fmla="*/ 165556 w 2229242"/>
              <a:gd name="connsiteY5" fmla="*/ 478474 h 761202"/>
              <a:gd name="connsiteX0" fmla="*/ 165556 w 2229920"/>
              <a:gd name="connsiteY0" fmla="*/ 472433 h 755161"/>
              <a:gd name="connsiteX1" fmla="*/ 458758 w 2229920"/>
              <a:gd name="connsiteY1" fmla="*/ 0 h 755161"/>
              <a:gd name="connsiteX2" fmla="*/ 1896065 w 2229920"/>
              <a:gd name="connsiteY2" fmla="*/ 237410 h 755161"/>
              <a:gd name="connsiteX3" fmla="*/ 2227759 w 2229920"/>
              <a:gd name="connsiteY3" fmla="*/ 748811 h 755161"/>
              <a:gd name="connsiteX4" fmla="*/ 2047 w 2229920"/>
              <a:gd name="connsiteY4" fmla="*/ 755161 h 755161"/>
              <a:gd name="connsiteX5" fmla="*/ 165556 w 2229920"/>
              <a:gd name="connsiteY5" fmla="*/ 472433 h 755161"/>
              <a:gd name="connsiteX0" fmla="*/ 165556 w 2236612"/>
              <a:gd name="connsiteY0" fmla="*/ 272772 h 555500"/>
              <a:gd name="connsiteX1" fmla="*/ 324606 w 2236612"/>
              <a:gd name="connsiteY1" fmla="*/ 36304 h 555500"/>
              <a:gd name="connsiteX2" fmla="*/ 1896065 w 2236612"/>
              <a:gd name="connsiteY2" fmla="*/ 37749 h 555500"/>
              <a:gd name="connsiteX3" fmla="*/ 2227759 w 2236612"/>
              <a:gd name="connsiteY3" fmla="*/ 549150 h 555500"/>
              <a:gd name="connsiteX4" fmla="*/ 2047 w 2236612"/>
              <a:gd name="connsiteY4" fmla="*/ 555500 h 555500"/>
              <a:gd name="connsiteX5" fmla="*/ 165556 w 2236612"/>
              <a:gd name="connsiteY5" fmla="*/ 272772 h 555500"/>
              <a:gd name="connsiteX0" fmla="*/ 165556 w 2236632"/>
              <a:gd name="connsiteY0" fmla="*/ 276933 h 559661"/>
              <a:gd name="connsiteX1" fmla="*/ 322950 w 2236632"/>
              <a:gd name="connsiteY1" fmla="*/ 28666 h 559661"/>
              <a:gd name="connsiteX2" fmla="*/ 1896065 w 2236632"/>
              <a:gd name="connsiteY2" fmla="*/ 41910 h 559661"/>
              <a:gd name="connsiteX3" fmla="*/ 2227759 w 2236632"/>
              <a:gd name="connsiteY3" fmla="*/ 553311 h 559661"/>
              <a:gd name="connsiteX4" fmla="*/ 2047 w 2236632"/>
              <a:gd name="connsiteY4" fmla="*/ 559661 h 559661"/>
              <a:gd name="connsiteX5" fmla="*/ 165556 w 2236632"/>
              <a:gd name="connsiteY5" fmla="*/ 276933 h 559661"/>
              <a:gd name="connsiteX0" fmla="*/ 165556 w 2229908"/>
              <a:gd name="connsiteY0" fmla="*/ 248267 h 530995"/>
              <a:gd name="connsiteX1" fmla="*/ 322950 w 2229908"/>
              <a:gd name="connsiteY1" fmla="*/ 0 h 530995"/>
              <a:gd name="connsiteX2" fmla="*/ 1896065 w 2229908"/>
              <a:gd name="connsiteY2" fmla="*/ 13244 h 530995"/>
              <a:gd name="connsiteX3" fmla="*/ 2227759 w 2229908"/>
              <a:gd name="connsiteY3" fmla="*/ 524645 h 530995"/>
              <a:gd name="connsiteX4" fmla="*/ 2047 w 2229908"/>
              <a:gd name="connsiteY4" fmla="*/ 530995 h 530995"/>
              <a:gd name="connsiteX5" fmla="*/ 165556 w 2229908"/>
              <a:gd name="connsiteY5" fmla="*/ 248267 h 530995"/>
              <a:gd name="connsiteX0" fmla="*/ 165556 w 2229826"/>
              <a:gd name="connsiteY0" fmla="*/ 252743 h 535471"/>
              <a:gd name="connsiteX1" fmla="*/ 322950 w 2229826"/>
              <a:gd name="connsiteY1" fmla="*/ 4476 h 535471"/>
              <a:gd name="connsiteX2" fmla="*/ 1881159 w 2229826"/>
              <a:gd name="connsiteY2" fmla="*/ 7607 h 535471"/>
              <a:gd name="connsiteX3" fmla="*/ 2227759 w 2229826"/>
              <a:gd name="connsiteY3" fmla="*/ 529121 h 535471"/>
              <a:gd name="connsiteX4" fmla="*/ 2047 w 2229826"/>
              <a:gd name="connsiteY4" fmla="*/ 535471 h 535471"/>
              <a:gd name="connsiteX5" fmla="*/ 165556 w 2229826"/>
              <a:gd name="connsiteY5" fmla="*/ 252743 h 535471"/>
              <a:gd name="connsiteX0" fmla="*/ 165556 w 2229826"/>
              <a:gd name="connsiteY0" fmla="*/ 252743 h 535471"/>
              <a:gd name="connsiteX1" fmla="*/ 322950 w 2229826"/>
              <a:gd name="connsiteY1" fmla="*/ 4476 h 535471"/>
              <a:gd name="connsiteX2" fmla="*/ 1881159 w 2229826"/>
              <a:gd name="connsiteY2" fmla="*/ 7607 h 535471"/>
              <a:gd name="connsiteX3" fmla="*/ 2227759 w 2229826"/>
              <a:gd name="connsiteY3" fmla="*/ 529121 h 535471"/>
              <a:gd name="connsiteX4" fmla="*/ 2047 w 2229826"/>
              <a:gd name="connsiteY4" fmla="*/ 535471 h 535471"/>
              <a:gd name="connsiteX5" fmla="*/ 165556 w 2229826"/>
              <a:gd name="connsiteY5" fmla="*/ 252743 h 535471"/>
              <a:gd name="connsiteX0" fmla="*/ 165556 w 2228202"/>
              <a:gd name="connsiteY0" fmla="*/ 252743 h 535471"/>
              <a:gd name="connsiteX1" fmla="*/ 322950 w 2228202"/>
              <a:gd name="connsiteY1" fmla="*/ 4476 h 535471"/>
              <a:gd name="connsiteX2" fmla="*/ 1881159 w 2228202"/>
              <a:gd name="connsiteY2" fmla="*/ 7607 h 535471"/>
              <a:gd name="connsiteX3" fmla="*/ 2227759 w 2228202"/>
              <a:gd name="connsiteY3" fmla="*/ 529121 h 535471"/>
              <a:gd name="connsiteX4" fmla="*/ 2047 w 2228202"/>
              <a:gd name="connsiteY4" fmla="*/ 535471 h 535471"/>
              <a:gd name="connsiteX5" fmla="*/ 165556 w 2228202"/>
              <a:gd name="connsiteY5" fmla="*/ 252743 h 535471"/>
              <a:gd name="connsiteX0" fmla="*/ 165556 w 2243122"/>
              <a:gd name="connsiteY0" fmla="*/ 284196 h 566924"/>
              <a:gd name="connsiteX1" fmla="*/ 322950 w 2243122"/>
              <a:gd name="connsiteY1" fmla="*/ 35929 h 566924"/>
              <a:gd name="connsiteX2" fmla="*/ 1881159 w 2243122"/>
              <a:gd name="connsiteY2" fmla="*/ 39060 h 566924"/>
              <a:gd name="connsiteX3" fmla="*/ 2241009 w 2243122"/>
              <a:gd name="connsiteY3" fmla="*/ 560574 h 566924"/>
              <a:gd name="connsiteX4" fmla="*/ 2047 w 2243122"/>
              <a:gd name="connsiteY4" fmla="*/ 566924 h 566924"/>
              <a:gd name="connsiteX5" fmla="*/ 165556 w 2243122"/>
              <a:gd name="connsiteY5" fmla="*/ 284196 h 566924"/>
              <a:gd name="connsiteX0" fmla="*/ 165556 w 2241465"/>
              <a:gd name="connsiteY0" fmla="*/ 268467 h 551195"/>
              <a:gd name="connsiteX1" fmla="*/ 322950 w 2241465"/>
              <a:gd name="connsiteY1" fmla="*/ 20200 h 551195"/>
              <a:gd name="connsiteX2" fmla="*/ 1881159 w 2241465"/>
              <a:gd name="connsiteY2" fmla="*/ 23331 h 551195"/>
              <a:gd name="connsiteX3" fmla="*/ 2241009 w 2241465"/>
              <a:gd name="connsiteY3" fmla="*/ 544845 h 551195"/>
              <a:gd name="connsiteX4" fmla="*/ 2047 w 2241465"/>
              <a:gd name="connsiteY4" fmla="*/ 551195 h 551195"/>
              <a:gd name="connsiteX5" fmla="*/ 165556 w 2241465"/>
              <a:gd name="connsiteY5" fmla="*/ 268467 h 551195"/>
              <a:gd name="connsiteX0" fmla="*/ 165556 w 2241476"/>
              <a:gd name="connsiteY0" fmla="*/ 268467 h 551195"/>
              <a:gd name="connsiteX1" fmla="*/ 322950 w 2241476"/>
              <a:gd name="connsiteY1" fmla="*/ 20200 h 551195"/>
              <a:gd name="connsiteX2" fmla="*/ 1889440 w 2241476"/>
              <a:gd name="connsiteY2" fmla="*/ 23331 h 551195"/>
              <a:gd name="connsiteX3" fmla="*/ 2241009 w 2241476"/>
              <a:gd name="connsiteY3" fmla="*/ 544845 h 551195"/>
              <a:gd name="connsiteX4" fmla="*/ 2047 w 2241476"/>
              <a:gd name="connsiteY4" fmla="*/ 551195 h 551195"/>
              <a:gd name="connsiteX5" fmla="*/ 165556 w 2241476"/>
              <a:gd name="connsiteY5" fmla="*/ 268467 h 551195"/>
              <a:gd name="connsiteX0" fmla="*/ 165556 w 2241441"/>
              <a:gd name="connsiteY0" fmla="*/ 249012 h 531740"/>
              <a:gd name="connsiteX1" fmla="*/ 322950 w 2241441"/>
              <a:gd name="connsiteY1" fmla="*/ 745 h 531740"/>
              <a:gd name="connsiteX2" fmla="*/ 1889440 w 2241441"/>
              <a:gd name="connsiteY2" fmla="*/ 3876 h 531740"/>
              <a:gd name="connsiteX3" fmla="*/ 2241009 w 2241441"/>
              <a:gd name="connsiteY3" fmla="*/ 525390 h 531740"/>
              <a:gd name="connsiteX4" fmla="*/ 2047 w 2241441"/>
              <a:gd name="connsiteY4" fmla="*/ 531740 h 531740"/>
              <a:gd name="connsiteX5" fmla="*/ 165556 w 2241441"/>
              <a:gd name="connsiteY5" fmla="*/ 249012 h 531740"/>
              <a:gd name="connsiteX0" fmla="*/ 165824 w 2241709"/>
              <a:gd name="connsiteY0" fmla="*/ 249012 h 531740"/>
              <a:gd name="connsiteX1" fmla="*/ 323218 w 2241709"/>
              <a:gd name="connsiteY1" fmla="*/ 745 h 531740"/>
              <a:gd name="connsiteX2" fmla="*/ 1889708 w 2241709"/>
              <a:gd name="connsiteY2" fmla="*/ 3876 h 531740"/>
              <a:gd name="connsiteX3" fmla="*/ 2241277 w 2241709"/>
              <a:gd name="connsiteY3" fmla="*/ 525390 h 531740"/>
              <a:gd name="connsiteX4" fmla="*/ 2315 w 2241709"/>
              <a:gd name="connsiteY4" fmla="*/ 531740 h 531740"/>
              <a:gd name="connsiteX5" fmla="*/ 165824 w 2241709"/>
              <a:gd name="connsiteY5" fmla="*/ 249012 h 531740"/>
              <a:gd name="connsiteX0" fmla="*/ 163987 w 2239872"/>
              <a:gd name="connsiteY0" fmla="*/ 249012 h 531740"/>
              <a:gd name="connsiteX1" fmla="*/ 321381 w 2239872"/>
              <a:gd name="connsiteY1" fmla="*/ 745 h 531740"/>
              <a:gd name="connsiteX2" fmla="*/ 1887871 w 2239872"/>
              <a:gd name="connsiteY2" fmla="*/ 3876 h 531740"/>
              <a:gd name="connsiteX3" fmla="*/ 2239440 w 2239872"/>
              <a:gd name="connsiteY3" fmla="*/ 525390 h 531740"/>
              <a:gd name="connsiteX4" fmla="*/ 478 w 2239872"/>
              <a:gd name="connsiteY4" fmla="*/ 531740 h 531740"/>
              <a:gd name="connsiteX5" fmla="*/ 163987 w 2239872"/>
              <a:gd name="connsiteY5" fmla="*/ 249012 h 531740"/>
              <a:gd name="connsiteX0" fmla="*/ 162754 w 2239876"/>
              <a:gd name="connsiteY0" fmla="*/ 259078 h 531740"/>
              <a:gd name="connsiteX1" fmla="*/ 321385 w 2239876"/>
              <a:gd name="connsiteY1" fmla="*/ 745 h 531740"/>
              <a:gd name="connsiteX2" fmla="*/ 1887875 w 2239876"/>
              <a:gd name="connsiteY2" fmla="*/ 3876 h 531740"/>
              <a:gd name="connsiteX3" fmla="*/ 2239444 w 2239876"/>
              <a:gd name="connsiteY3" fmla="*/ 525390 h 531740"/>
              <a:gd name="connsiteX4" fmla="*/ 482 w 2239876"/>
              <a:gd name="connsiteY4" fmla="*/ 531740 h 531740"/>
              <a:gd name="connsiteX5" fmla="*/ 162754 w 2239876"/>
              <a:gd name="connsiteY5" fmla="*/ 259078 h 531740"/>
              <a:gd name="connsiteX0" fmla="*/ 162754 w 2239876"/>
              <a:gd name="connsiteY0" fmla="*/ 259078 h 531740"/>
              <a:gd name="connsiteX1" fmla="*/ 321385 w 2239876"/>
              <a:gd name="connsiteY1" fmla="*/ 745 h 531740"/>
              <a:gd name="connsiteX2" fmla="*/ 1887875 w 2239876"/>
              <a:gd name="connsiteY2" fmla="*/ 3876 h 531740"/>
              <a:gd name="connsiteX3" fmla="*/ 2239444 w 2239876"/>
              <a:gd name="connsiteY3" fmla="*/ 525390 h 531740"/>
              <a:gd name="connsiteX4" fmla="*/ 482 w 2239876"/>
              <a:gd name="connsiteY4" fmla="*/ 531740 h 531740"/>
              <a:gd name="connsiteX5" fmla="*/ 162754 w 2239876"/>
              <a:gd name="connsiteY5" fmla="*/ 259078 h 531740"/>
              <a:gd name="connsiteX0" fmla="*/ 162754 w 2241806"/>
              <a:gd name="connsiteY0" fmla="*/ 294262 h 566924"/>
              <a:gd name="connsiteX1" fmla="*/ 315203 w 2241806"/>
              <a:gd name="connsiteY1" fmla="*/ 35929 h 566924"/>
              <a:gd name="connsiteX2" fmla="*/ 1887875 w 2241806"/>
              <a:gd name="connsiteY2" fmla="*/ 39060 h 566924"/>
              <a:gd name="connsiteX3" fmla="*/ 2239444 w 2241806"/>
              <a:gd name="connsiteY3" fmla="*/ 560574 h 566924"/>
              <a:gd name="connsiteX4" fmla="*/ 482 w 2241806"/>
              <a:gd name="connsiteY4" fmla="*/ 566924 h 566924"/>
              <a:gd name="connsiteX5" fmla="*/ 162754 w 2241806"/>
              <a:gd name="connsiteY5" fmla="*/ 294262 h 566924"/>
              <a:gd name="connsiteX0" fmla="*/ 162754 w 2239873"/>
              <a:gd name="connsiteY0" fmla="*/ 258333 h 530995"/>
              <a:gd name="connsiteX1" fmla="*/ 315203 w 2239873"/>
              <a:gd name="connsiteY1" fmla="*/ 0 h 530995"/>
              <a:gd name="connsiteX2" fmla="*/ 1887875 w 2239873"/>
              <a:gd name="connsiteY2" fmla="*/ 3131 h 530995"/>
              <a:gd name="connsiteX3" fmla="*/ 2239444 w 2239873"/>
              <a:gd name="connsiteY3" fmla="*/ 524645 h 530995"/>
              <a:gd name="connsiteX4" fmla="*/ 482 w 2239873"/>
              <a:gd name="connsiteY4" fmla="*/ 530995 h 530995"/>
              <a:gd name="connsiteX5" fmla="*/ 162754 w 2239873"/>
              <a:gd name="connsiteY5" fmla="*/ 258333 h 530995"/>
              <a:gd name="connsiteX0" fmla="*/ 162754 w 2239865"/>
              <a:gd name="connsiteY0" fmla="*/ 260579 h 533241"/>
              <a:gd name="connsiteX1" fmla="*/ 315203 w 2239865"/>
              <a:gd name="connsiteY1" fmla="*/ 2246 h 533241"/>
              <a:gd name="connsiteX2" fmla="*/ 1880457 w 2239865"/>
              <a:gd name="connsiteY2" fmla="*/ 344 h 533241"/>
              <a:gd name="connsiteX3" fmla="*/ 2239444 w 2239865"/>
              <a:gd name="connsiteY3" fmla="*/ 526891 h 533241"/>
              <a:gd name="connsiteX4" fmla="*/ 482 w 2239865"/>
              <a:gd name="connsiteY4" fmla="*/ 533241 h 533241"/>
              <a:gd name="connsiteX5" fmla="*/ 162754 w 2239865"/>
              <a:gd name="connsiteY5" fmla="*/ 260579 h 533241"/>
              <a:gd name="connsiteX0" fmla="*/ 162754 w 2230295"/>
              <a:gd name="connsiteY0" fmla="*/ 298669 h 573844"/>
              <a:gd name="connsiteX1" fmla="*/ 315203 w 2230295"/>
              <a:gd name="connsiteY1" fmla="*/ 40336 h 573844"/>
              <a:gd name="connsiteX2" fmla="*/ 1880457 w 2230295"/>
              <a:gd name="connsiteY2" fmla="*/ 38434 h 573844"/>
              <a:gd name="connsiteX3" fmla="*/ 2227864 w 2230295"/>
              <a:gd name="connsiteY3" fmla="*/ 573819 h 573844"/>
              <a:gd name="connsiteX4" fmla="*/ 482 w 2230295"/>
              <a:gd name="connsiteY4" fmla="*/ 571331 h 573844"/>
              <a:gd name="connsiteX5" fmla="*/ 162754 w 2230295"/>
              <a:gd name="connsiteY5" fmla="*/ 298669 h 573844"/>
              <a:gd name="connsiteX0" fmla="*/ 162754 w 2228293"/>
              <a:gd name="connsiteY0" fmla="*/ 261114 h 536285"/>
              <a:gd name="connsiteX1" fmla="*/ 315203 w 2228293"/>
              <a:gd name="connsiteY1" fmla="*/ 2781 h 536285"/>
              <a:gd name="connsiteX2" fmla="*/ 1880457 w 2228293"/>
              <a:gd name="connsiteY2" fmla="*/ 879 h 536285"/>
              <a:gd name="connsiteX3" fmla="*/ 2227864 w 2228293"/>
              <a:gd name="connsiteY3" fmla="*/ 536264 h 536285"/>
              <a:gd name="connsiteX4" fmla="*/ 482 w 2228293"/>
              <a:gd name="connsiteY4" fmla="*/ 533776 h 536285"/>
              <a:gd name="connsiteX5" fmla="*/ 162754 w 2228293"/>
              <a:gd name="connsiteY5" fmla="*/ 261114 h 5362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28293" h="536285">
                <a:moveTo>
                  <a:pt x="162754" y="261114"/>
                </a:moveTo>
                <a:cubicBezTo>
                  <a:pt x="257937" y="102802"/>
                  <a:pt x="299889" y="29746"/>
                  <a:pt x="315203" y="2781"/>
                </a:cubicBezTo>
                <a:cubicBezTo>
                  <a:pt x="317577" y="5551"/>
                  <a:pt x="1880128" y="-2597"/>
                  <a:pt x="1880457" y="879"/>
                </a:cubicBezTo>
                <a:cubicBezTo>
                  <a:pt x="1880786" y="4355"/>
                  <a:pt x="2242454" y="540164"/>
                  <a:pt x="2227864" y="536264"/>
                </a:cubicBezTo>
                <a:lnTo>
                  <a:pt x="482" y="533776"/>
                </a:lnTo>
                <a:cubicBezTo>
                  <a:pt x="-8462" y="533870"/>
                  <a:pt x="109329" y="352955"/>
                  <a:pt x="162754" y="261114"/>
                </a:cubicBezTo>
                <a:close/>
              </a:path>
            </a:pathLst>
          </a:custGeom>
          <a:solidFill>
            <a:srgbClr val="647D83"/>
          </a:solidFill>
          <a:ln w="38100">
            <a:solidFill>
              <a:schemeClr val="bg1"/>
            </a:solidFill>
          </a:ln>
        </p:spPr>
        <p:txBody>
          <a:bodyPr lIns="144000" rIns="144000" anchor="ctr"/>
          <a:lstStyle>
            <a:lvl1pPr marL="0" indent="0" algn="ctr">
              <a:lnSpc>
                <a:spcPct val="90000"/>
              </a:lnSpc>
              <a:spcBef>
                <a:spcPts val="0"/>
              </a:spcBef>
              <a:buNone/>
              <a:defRPr spc="-40" baseline="0">
                <a:solidFill>
                  <a:schemeClr val="bg1"/>
                </a:solidFill>
              </a:defRPr>
            </a:lvl1pPr>
          </a:lstStyle>
          <a:p>
            <a:pPr lvl="0"/>
            <a:r>
              <a:rPr lang="en-GB"/>
              <a:t>Insert</a:t>
            </a:r>
            <a:br>
              <a:rPr lang="en-GB"/>
            </a:br>
            <a:r>
              <a:rPr lang="en-GB"/>
              <a:t>text</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1" name="Text Placeholder 3">
            <a:extLst>
              <a:ext uri="{FF2B5EF4-FFF2-40B4-BE49-F238E27FC236}">
                <a16:creationId xmlns:a16="http://schemas.microsoft.com/office/drawing/2014/main" id="{FBB5A326-6CC9-D83D-527C-CA8E26B2BA72}"/>
              </a:ext>
            </a:extLst>
          </p:cNvPr>
          <p:cNvSpPr>
            <a:spLocks noGrp="1"/>
          </p:cNvSpPr>
          <p:nvPr>
            <p:ph type="body" sz="quarter" idx="41" hasCustomPrompt="1"/>
          </p:nvPr>
        </p:nvSpPr>
        <p:spPr>
          <a:xfrm>
            <a:off x="695324" y="3696922"/>
            <a:ext cx="6190810" cy="1211697"/>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1164 w 4521116"/>
              <a:gd name="connsiteY0" fmla="*/ 0 h 2352415"/>
              <a:gd name="connsiteX1" fmla="*/ 4458535 w 4521116"/>
              <a:gd name="connsiteY1" fmla="*/ 619 h 2352415"/>
              <a:gd name="connsiteX2" fmla="*/ 4518117 w 4521116"/>
              <a:gd name="connsiteY2" fmla="*/ 33742 h 2352415"/>
              <a:gd name="connsiteX3" fmla="*/ 4518117 w 4521116"/>
              <a:gd name="connsiteY3" fmla="*/ 2344738 h 2352415"/>
              <a:gd name="connsiteX4" fmla="*/ 2437407 w 4521116"/>
              <a:gd name="connsiteY4" fmla="*/ 2352415 h 2352415"/>
              <a:gd name="connsiteX5" fmla="*/ 21315 w 4521116"/>
              <a:gd name="connsiteY5" fmla="*/ 2344738 h 2352415"/>
              <a:gd name="connsiteX6" fmla="*/ 406 w 4521116"/>
              <a:gd name="connsiteY6" fmla="*/ 1881244 h 2352415"/>
              <a:gd name="connsiteX7" fmla="*/ 1164 w 4521116"/>
              <a:gd name="connsiteY7" fmla="*/ 0 h 2352415"/>
              <a:gd name="connsiteX0" fmla="*/ 4314 w 4524266"/>
              <a:gd name="connsiteY0" fmla="*/ 0 h 2352415"/>
              <a:gd name="connsiteX1" fmla="*/ 4461685 w 4524266"/>
              <a:gd name="connsiteY1" fmla="*/ 619 h 2352415"/>
              <a:gd name="connsiteX2" fmla="*/ 4521267 w 4524266"/>
              <a:gd name="connsiteY2" fmla="*/ 33742 h 2352415"/>
              <a:gd name="connsiteX3" fmla="*/ 4521267 w 4524266"/>
              <a:gd name="connsiteY3" fmla="*/ 2344738 h 2352415"/>
              <a:gd name="connsiteX4" fmla="*/ 2440557 w 4524266"/>
              <a:gd name="connsiteY4" fmla="*/ 2352415 h 2352415"/>
              <a:gd name="connsiteX5" fmla="*/ 24465 w 4524266"/>
              <a:gd name="connsiteY5" fmla="*/ 2344738 h 2352415"/>
              <a:gd name="connsiteX6" fmla="*/ 3556 w 4524266"/>
              <a:gd name="connsiteY6" fmla="*/ 1881244 h 2352415"/>
              <a:gd name="connsiteX7" fmla="*/ 4314 w 4524266"/>
              <a:gd name="connsiteY7" fmla="*/ 0 h 2352415"/>
              <a:gd name="connsiteX0" fmla="*/ 4314 w 4521999"/>
              <a:gd name="connsiteY0" fmla="*/ 0 h 2375256"/>
              <a:gd name="connsiteX1" fmla="*/ 4461685 w 4521999"/>
              <a:gd name="connsiteY1" fmla="*/ 619 h 2375256"/>
              <a:gd name="connsiteX2" fmla="*/ 4521267 w 4521999"/>
              <a:gd name="connsiteY2" fmla="*/ 33742 h 2375256"/>
              <a:gd name="connsiteX3" fmla="*/ 4081439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21999"/>
              <a:gd name="connsiteY0" fmla="*/ 0 h 2375256"/>
              <a:gd name="connsiteX1" fmla="*/ 4461685 w 4521999"/>
              <a:gd name="connsiteY1" fmla="*/ 619 h 2375256"/>
              <a:gd name="connsiteX2" fmla="*/ 4521267 w 4521999"/>
              <a:gd name="connsiteY2" fmla="*/ 33742 h 2375256"/>
              <a:gd name="connsiteX3" fmla="*/ 4041455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21999"/>
              <a:gd name="connsiteY0" fmla="*/ 0 h 2375256"/>
              <a:gd name="connsiteX1" fmla="*/ 4461685 w 4521999"/>
              <a:gd name="connsiteY1" fmla="*/ 619 h 2375256"/>
              <a:gd name="connsiteX2" fmla="*/ 4521267 w 4521999"/>
              <a:gd name="connsiteY2" fmla="*/ 33742 h 2375256"/>
              <a:gd name="connsiteX3" fmla="*/ 4041455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21999"/>
              <a:gd name="connsiteY0" fmla="*/ 0 h 2375256"/>
              <a:gd name="connsiteX1" fmla="*/ 4461685 w 4521999"/>
              <a:gd name="connsiteY1" fmla="*/ 619 h 2375256"/>
              <a:gd name="connsiteX2" fmla="*/ 4521267 w 4521999"/>
              <a:gd name="connsiteY2" fmla="*/ 33742 h 2375256"/>
              <a:gd name="connsiteX3" fmla="*/ 4041455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61667"/>
              <a:gd name="connsiteY0" fmla="*/ 0 h 2375256"/>
              <a:gd name="connsiteX1" fmla="*/ 4461685 w 4561667"/>
              <a:gd name="connsiteY1" fmla="*/ 619 h 2375256"/>
              <a:gd name="connsiteX2" fmla="*/ 4561252 w 4561667"/>
              <a:gd name="connsiteY2" fmla="*/ 49002 h 2375256"/>
              <a:gd name="connsiteX3" fmla="*/ 4041455 w 4561667"/>
              <a:gd name="connsiteY3" fmla="*/ 2375256 h 2375256"/>
              <a:gd name="connsiteX4" fmla="*/ 2440557 w 4561667"/>
              <a:gd name="connsiteY4" fmla="*/ 2352415 h 2375256"/>
              <a:gd name="connsiteX5" fmla="*/ 24465 w 4561667"/>
              <a:gd name="connsiteY5" fmla="*/ 2344738 h 2375256"/>
              <a:gd name="connsiteX6" fmla="*/ 3556 w 4561667"/>
              <a:gd name="connsiteY6" fmla="*/ 1881244 h 2375256"/>
              <a:gd name="connsiteX7" fmla="*/ 4314 w 4561667"/>
              <a:gd name="connsiteY7" fmla="*/ 0 h 2375256"/>
              <a:gd name="connsiteX0" fmla="*/ 4314 w 4585383"/>
              <a:gd name="connsiteY0" fmla="*/ 0 h 2375256"/>
              <a:gd name="connsiteX1" fmla="*/ 4461685 w 4585383"/>
              <a:gd name="connsiteY1" fmla="*/ 619 h 2375256"/>
              <a:gd name="connsiteX2" fmla="*/ 4585053 w 4585383"/>
              <a:gd name="connsiteY2" fmla="*/ 29928 h 2375256"/>
              <a:gd name="connsiteX3" fmla="*/ 4041455 w 4585383"/>
              <a:gd name="connsiteY3" fmla="*/ 2375256 h 2375256"/>
              <a:gd name="connsiteX4" fmla="*/ 2440557 w 4585383"/>
              <a:gd name="connsiteY4" fmla="*/ 2352415 h 2375256"/>
              <a:gd name="connsiteX5" fmla="*/ 24465 w 4585383"/>
              <a:gd name="connsiteY5" fmla="*/ 2344738 h 2375256"/>
              <a:gd name="connsiteX6" fmla="*/ 3556 w 4585383"/>
              <a:gd name="connsiteY6" fmla="*/ 1881244 h 2375256"/>
              <a:gd name="connsiteX7" fmla="*/ 4314 w 4585383"/>
              <a:gd name="connsiteY7" fmla="*/ 0 h 2375256"/>
              <a:gd name="connsiteX0" fmla="*/ 4314 w 4587756"/>
              <a:gd name="connsiteY0" fmla="*/ 0 h 2375256"/>
              <a:gd name="connsiteX1" fmla="*/ 4461685 w 4587756"/>
              <a:gd name="connsiteY1" fmla="*/ 619 h 2375256"/>
              <a:gd name="connsiteX2" fmla="*/ 4587433 w 4587756"/>
              <a:gd name="connsiteY2" fmla="*/ 36286 h 2375256"/>
              <a:gd name="connsiteX3" fmla="*/ 4041455 w 4587756"/>
              <a:gd name="connsiteY3" fmla="*/ 2375256 h 2375256"/>
              <a:gd name="connsiteX4" fmla="*/ 2440557 w 4587756"/>
              <a:gd name="connsiteY4" fmla="*/ 2352415 h 2375256"/>
              <a:gd name="connsiteX5" fmla="*/ 24465 w 4587756"/>
              <a:gd name="connsiteY5" fmla="*/ 2344738 h 2375256"/>
              <a:gd name="connsiteX6" fmla="*/ 3556 w 4587756"/>
              <a:gd name="connsiteY6" fmla="*/ 1881244 h 2375256"/>
              <a:gd name="connsiteX7" fmla="*/ 4314 w 4587756"/>
              <a:gd name="connsiteY7" fmla="*/ 0 h 2375256"/>
              <a:gd name="connsiteX0" fmla="*/ 4314 w 4587433"/>
              <a:gd name="connsiteY0" fmla="*/ 0 h 2375256"/>
              <a:gd name="connsiteX1" fmla="*/ 4461685 w 4587433"/>
              <a:gd name="connsiteY1" fmla="*/ 619 h 2375256"/>
              <a:gd name="connsiteX2" fmla="*/ 4587433 w 4587433"/>
              <a:gd name="connsiteY2" fmla="*/ 36286 h 2375256"/>
              <a:gd name="connsiteX3" fmla="*/ 4041455 w 4587433"/>
              <a:gd name="connsiteY3" fmla="*/ 2375256 h 2375256"/>
              <a:gd name="connsiteX4" fmla="*/ 2440557 w 4587433"/>
              <a:gd name="connsiteY4" fmla="*/ 2352415 h 2375256"/>
              <a:gd name="connsiteX5" fmla="*/ 24465 w 4587433"/>
              <a:gd name="connsiteY5" fmla="*/ 2344738 h 2375256"/>
              <a:gd name="connsiteX6" fmla="*/ 3556 w 4587433"/>
              <a:gd name="connsiteY6" fmla="*/ 1881244 h 2375256"/>
              <a:gd name="connsiteX7" fmla="*/ 4314 w 4587433"/>
              <a:gd name="connsiteY7" fmla="*/ 0 h 2375256"/>
              <a:gd name="connsiteX0" fmla="*/ 4314 w 4594573"/>
              <a:gd name="connsiteY0" fmla="*/ 0 h 2375256"/>
              <a:gd name="connsiteX1" fmla="*/ 4461685 w 4594573"/>
              <a:gd name="connsiteY1" fmla="*/ 619 h 2375256"/>
              <a:gd name="connsiteX2" fmla="*/ 4594573 w 4594573"/>
              <a:gd name="connsiteY2" fmla="*/ 10854 h 2375256"/>
              <a:gd name="connsiteX3" fmla="*/ 4041455 w 4594573"/>
              <a:gd name="connsiteY3" fmla="*/ 2375256 h 2375256"/>
              <a:gd name="connsiteX4" fmla="*/ 2440557 w 4594573"/>
              <a:gd name="connsiteY4" fmla="*/ 2352415 h 2375256"/>
              <a:gd name="connsiteX5" fmla="*/ 24465 w 4594573"/>
              <a:gd name="connsiteY5" fmla="*/ 2344738 h 2375256"/>
              <a:gd name="connsiteX6" fmla="*/ 3556 w 4594573"/>
              <a:gd name="connsiteY6" fmla="*/ 1881244 h 2375256"/>
              <a:gd name="connsiteX7" fmla="*/ 4314 w 4594573"/>
              <a:gd name="connsiteY7" fmla="*/ 0 h 2375256"/>
              <a:gd name="connsiteX0" fmla="*/ 4314 w 4594573"/>
              <a:gd name="connsiteY0" fmla="*/ 0 h 2375256"/>
              <a:gd name="connsiteX1" fmla="*/ 4461685 w 4594573"/>
              <a:gd name="connsiteY1" fmla="*/ 619 h 2375256"/>
              <a:gd name="connsiteX2" fmla="*/ 4594573 w 4594573"/>
              <a:gd name="connsiteY2" fmla="*/ 10854 h 2375256"/>
              <a:gd name="connsiteX3" fmla="*/ 4041455 w 4594573"/>
              <a:gd name="connsiteY3" fmla="*/ 2375256 h 2375256"/>
              <a:gd name="connsiteX4" fmla="*/ 2440557 w 4594573"/>
              <a:gd name="connsiteY4" fmla="*/ 2352415 h 2375256"/>
              <a:gd name="connsiteX5" fmla="*/ 24465 w 4594573"/>
              <a:gd name="connsiteY5" fmla="*/ 2344738 h 2375256"/>
              <a:gd name="connsiteX6" fmla="*/ 3556 w 4594573"/>
              <a:gd name="connsiteY6" fmla="*/ 1881244 h 2375256"/>
              <a:gd name="connsiteX7" fmla="*/ 4314 w 4594573"/>
              <a:gd name="connsiteY7" fmla="*/ 0 h 2375256"/>
              <a:gd name="connsiteX0" fmla="*/ 4314 w 4594573"/>
              <a:gd name="connsiteY0" fmla="*/ 0 h 2375256"/>
              <a:gd name="connsiteX1" fmla="*/ 4461685 w 4594573"/>
              <a:gd name="connsiteY1" fmla="*/ 619 h 2375256"/>
              <a:gd name="connsiteX2" fmla="*/ 4594573 w 4594573"/>
              <a:gd name="connsiteY2" fmla="*/ 10854 h 2375256"/>
              <a:gd name="connsiteX3" fmla="*/ 4041455 w 4594573"/>
              <a:gd name="connsiteY3" fmla="*/ 2375256 h 2375256"/>
              <a:gd name="connsiteX4" fmla="*/ 2440557 w 4594573"/>
              <a:gd name="connsiteY4" fmla="*/ 2352415 h 2375256"/>
              <a:gd name="connsiteX5" fmla="*/ 24465 w 4594573"/>
              <a:gd name="connsiteY5" fmla="*/ 2344738 h 2375256"/>
              <a:gd name="connsiteX6" fmla="*/ 3556 w 4594573"/>
              <a:gd name="connsiteY6" fmla="*/ 1881244 h 2375256"/>
              <a:gd name="connsiteX7" fmla="*/ 4314 w 4594573"/>
              <a:gd name="connsiteY7" fmla="*/ 0 h 2375256"/>
              <a:gd name="connsiteX0" fmla="*/ 4314 w 4603753"/>
              <a:gd name="connsiteY0" fmla="*/ 5497 h 2380753"/>
              <a:gd name="connsiteX1" fmla="*/ 4461685 w 4603753"/>
              <a:gd name="connsiteY1" fmla="*/ 6116 h 2380753"/>
              <a:gd name="connsiteX2" fmla="*/ 4603753 w 4603753"/>
              <a:gd name="connsiteY2" fmla="*/ 0 h 2380753"/>
              <a:gd name="connsiteX3" fmla="*/ 4041455 w 4603753"/>
              <a:gd name="connsiteY3" fmla="*/ 2380753 h 2380753"/>
              <a:gd name="connsiteX4" fmla="*/ 2440557 w 4603753"/>
              <a:gd name="connsiteY4" fmla="*/ 2357912 h 2380753"/>
              <a:gd name="connsiteX5" fmla="*/ 24465 w 4603753"/>
              <a:gd name="connsiteY5" fmla="*/ 2350235 h 2380753"/>
              <a:gd name="connsiteX6" fmla="*/ 3556 w 4603753"/>
              <a:gd name="connsiteY6" fmla="*/ 1886741 h 2380753"/>
              <a:gd name="connsiteX7" fmla="*/ 4314 w 4603753"/>
              <a:gd name="connsiteY7" fmla="*/ 5497 h 2380753"/>
              <a:gd name="connsiteX0" fmla="*/ 4314 w 4603753"/>
              <a:gd name="connsiteY0" fmla="*/ 16655 h 2391911"/>
              <a:gd name="connsiteX1" fmla="*/ 4246628 w 4603753"/>
              <a:gd name="connsiteY1" fmla="*/ 0 h 2391911"/>
              <a:gd name="connsiteX2" fmla="*/ 4603753 w 4603753"/>
              <a:gd name="connsiteY2" fmla="*/ 11158 h 2391911"/>
              <a:gd name="connsiteX3" fmla="*/ 4041455 w 4603753"/>
              <a:gd name="connsiteY3" fmla="*/ 2391911 h 2391911"/>
              <a:gd name="connsiteX4" fmla="*/ 2440557 w 4603753"/>
              <a:gd name="connsiteY4" fmla="*/ 2369070 h 2391911"/>
              <a:gd name="connsiteX5" fmla="*/ 24465 w 4603753"/>
              <a:gd name="connsiteY5" fmla="*/ 2361393 h 2391911"/>
              <a:gd name="connsiteX6" fmla="*/ 3556 w 4603753"/>
              <a:gd name="connsiteY6" fmla="*/ 1897899 h 2391911"/>
              <a:gd name="connsiteX7" fmla="*/ 4314 w 4603753"/>
              <a:gd name="connsiteY7" fmla="*/ 16655 h 2391911"/>
              <a:gd name="connsiteX0" fmla="*/ 4314 w 4311036"/>
              <a:gd name="connsiteY0" fmla="*/ 16655 h 2391911"/>
              <a:gd name="connsiteX1" fmla="*/ 4246628 w 4311036"/>
              <a:gd name="connsiteY1" fmla="*/ 0 h 2391911"/>
              <a:gd name="connsiteX2" fmla="*/ 4311036 w 4311036"/>
              <a:gd name="connsiteY2" fmla="*/ 28432 h 2391911"/>
              <a:gd name="connsiteX3" fmla="*/ 4041455 w 4311036"/>
              <a:gd name="connsiteY3" fmla="*/ 2391911 h 2391911"/>
              <a:gd name="connsiteX4" fmla="*/ 2440557 w 4311036"/>
              <a:gd name="connsiteY4" fmla="*/ 2369070 h 2391911"/>
              <a:gd name="connsiteX5" fmla="*/ 24465 w 4311036"/>
              <a:gd name="connsiteY5" fmla="*/ 2361393 h 2391911"/>
              <a:gd name="connsiteX6" fmla="*/ 3556 w 4311036"/>
              <a:gd name="connsiteY6" fmla="*/ 1897899 h 2391911"/>
              <a:gd name="connsiteX7" fmla="*/ 4314 w 4311036"/>
              <a:gd name="connsiteY7" fmla="*/ 16655 h 2391911"/>
              <a:gd name="connsiteX0" fmla="*/ 4314 w 4311036"/>
              <a:gd name="connsiteY0" fmla="*/ 16655 h 2426461"/>
              <a:gd name="connsiteX1" fmla="*/ 4246628 w 4311036"/>
              <a:gd name="connsiteY1" fmla="*/ 0 h 2426461"/>
              <a:gd name="connsiteX2" fmla="*/ 4311036 w 4311036"/>
              <a:gd name="connsiteY2" fmla="*/ 28432 h 2426461"/>
              <a:gd name="connsiteX3" fmla="*/ 3754713 w 4311036"/>
              <a:gd name="connsiteY3" fmla="*/ 2426461 h 2426461"/>
              <a:gd name="connsiteX4" fmla="*/ 2440557 w 4311036"/>
              <a:gd name="connsiteY4" fmla="*/ 2369070 h 2426461"/>
              <a:gd name="connsiteX5" fmla="*/ 24465 w 4311036"/>
              <a:gd name="connsiteY5" fmla="*/ 2361393 h 2426461"/>
              <a:gd name="connsiteX6" fmla="*/ 3556 w 4311036"/>
              <a:gd name="connsiteY6" fmla="*/ 1897899 h 2426461"/>
              <a:gd name="connsiteX7" fmla="*/ 4314 w 4311036"/>
              <a:gd name="connsiteY7" fmla="*/ 16655 h 2426461"/>
              <a:gd name="connsiteX0" fmla="*/ 4314 w 4287141"/>
              <a:gd name="connsiteY0" fmla="*/ 16655 h 2426461"/>
              <a:gd name="connsiteX1" fmla="*/ 4246628 w 4287141"/>
              <a:gd name="connsiteY1" fmla="*/ 0 h 2426461"/>
              <a:gd name="connsiteX2" fmla="*/ 4287141 w 4287141"/>
              <a:gd name="connsiteY2" fmla="*/ 28432 h 2426461"/>
              <a:gd name="connsiteX3" fmla="*/ 3754713 w 4287141"/>
              <a:gd name="connsiteY3" fmla="*/ 2426461 h 2426461"/>
              <a:gd name="connsiteX4" fmla="*/ 2440557 w 4287141"/>
              <a:gd name="connsiteY4" fmla="*/ 2369070 h 2426461"/>
              <a:gd name="connsiteX5" fmla="*/ 24465 w 4287141"/>
              <a:gd name="connsiteY5" fmla="*/ 2361393 h 2426461"/>
              <a:gd name="connsiteX6" fmla="*/ 3556 w 4287141"/>
              <a:gd name="connsiteY6" fmla="*/ 1897899 h 2426461"/>
              <a:gd name="connsiteX7" fmla="*/ 4314 w 4287141"/>
              <a:gd name="connsiteY7" fmla="*/ 16655 h 2426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287141" h="2426461">
                <a:moveTo>
                  <a:pt x="4314" y="16655"/>
                </a:moveTo>
                <a:lnTo>
                  <a:pt x="4246628" y="0"/>
                </a:lnTo>
                <a:cubicBezTo>
                  <a:pt x="4266489" y="11041"/>
                  <a:pt x="4244294" y="31139"/>
                  <a:pt x="4287141" y="28432"/>
                </a:cubicBezTo>
                <a:cubicBezTo>
                  <a:pt x="4108249" y="807198"/>
                  <a:pt x="3899895" y="1832883"/>
                  <a:pt x="3754713" y="2426461"/>
                </a:cubicBezTo>
                <a:lnTo>
                  <a:pt x="2440557" y="2369070"/>
                </a:lnTo>
                <a:lnTo>
                  <a:pt x="24465" y="2361393"/>
                </a:lnTo>
                <a:cubicBezTo>
                  <a:pt x="570" y="2360195"/>
                  <a:pt x="8811" y="2255972"/>
                  <a:pt x="3556" y="1897899"/>
                </a:cubicBezTo>
                <a:cubicBezTo>
                  <a:pt x="348" y="1389874"/>
                  <a:pt x="-2836" y="285605"/>
                  <a:pt x="4314" y="16655"/>
                </a:cubicBezTo>
                <a:close/>
              </a:path>
            </a:pathLst>
          </a:custGeom>
          <a:solidFill>
            <a:srgbClr val="D3E3E5"/>
          </a:solidFill>
        </p:spPr>
        <p:txBody>
          <a:bodyPr lIns="144000" tIns="144000"/>
          <a:lstStyle>
            <a:lvl1pPr marL="0" indent="0">
              <a:buNone/>
              <a:defRPr>
                <a:solidFill>
                  <a:schemeClr val="tx1"/>
                </a:solidFill>
              </a:defRPr>
            </a:lvl1pPr>
            <a:lvl2pPr marL="184150" indent="-171450">
              <a:buFont typeface="Arial" panose="020B0604020202020204" pitchFamily="34" charset="0"/>
              <a:buChar char="•"/>
              <a:tabLst/>
              <a:defRPr sz="1400">
                <a:solidFill>
                  <a:schemeClr val="tx1"/>
                </a:solidFill>
              </a:defRPr>
            </a:lvl2pPr>
          </a:lstStyle>
          <a:p>
            <a:pPr lvl="0"/>
            <a:r>
              <a:rPr lang="en-GB"/>
              <a:t>Explanation to pyramid middle</a:t>
            </a:r>
          </a:p>
          <a:p>
            <a:pPr lvl="1"/>
            <a:r>
              <a:rPr lang="en-GB"/>
              <a:t>List style</a:t>
            </a:r>
          </a:p>
        </p:txBody>
      </p:sp>
      <p:sp>
        <p:nvSpPr>
          <p:cNvPr id="2" name="Text Placeholder 22">
            <a:extLst>
              <a:ext uri="{FF2B5EF4-FFF2-40B4-BE49-F238E27FC236}">
                <a16:creationId xmlns:a16="http://schemas.microsoft.com/office/drawing/2014/main" id="{D6100CD6-6EB9-2620-3E36-6546488F21DC}"/>
              </a:ext>
            </a:extLst>
          </p:cNvPr>
          <p:cNvSpPr>
            <a:spLocks noGrp="1"/>
          </p:cNvSpPr>
          <p:nvPr>
            <p:ph type="body" sz="quarter" idx="44" hasCustomPrompt="1"/>
          </p:nvPr>
        </p:nvSpPr>
        <p:spPr>
          <a:xfrm>
            <a:off x="6141601" y="3615140"/>
            <a:ext cx="3981143" cy="1356126"/>
          </a:xfrm>
          <a:custGeom>
            <a:avLst/>
            <a:gdLst>
              <a:gd name="connsiteX0" fmla="*/ 0 w 2208213"/>
              <a:gd name="connsiteY0" fmla="*/ 0 h 1550987"/>
              <a:gd name="connsiteX1" fmla="*/ 2208213 w 2208213"/>
              <a:gd name="connsiteY1" fmla="*/ 0 h 1550987"/>
              <a:gd name="connsiteX2" fmla="*/ 2208213 w 2208213"/>
              <a:gd name="connsiteY2" fmla="*/ 1550987 h 1550987"/>
              <a:gd name="connsiteX3" fmla="*/ 0 w 2208213"/>
              <a:gd name="connsiteY3" fmla="*/ 1550987 h 1550987"/>
              <a:gd name="connsiteX4" fmla="*/ 0 w 2208213"/>
              <a:gd name="connsiteY4" fmla="*/ 0 h 1550987"/>
              <a:gd name="connsiteX0" fmla="*/ 0 w 2214987"/>
              <a:gd name="connsiteY0" fmla="*/ 1442720 h 1550987"/>
              <a:gd name="connsiteX1" fmla="*/ 2214987 w 2214987"/>
              <a:gd name="connsiteY1" fmla="*/ 0 h 1550987"/>
              <a:gd name="connsiteX2" fmla="*/ 2214987 w 2214987"/>
              <a:gd name="connsiteY2" fmla="*/ 1550987 h 1550987"/>
              <a:gd name="connsiteX3" fmla="*/ 6774 w 2214987"/>
              <a:gd name="connsiteY3" fmla="*/ 1550987 h 1550987"/>
              <a:gd name="connsiteX4" fmla="*/ 0 w 2214987"/>
              <a:gd name="connsiteY4" fmla="*/ 1442720 h 1550987"/>
              <a:gd name="connsiteX0" fmla="*/ 0 w 2214987"/>
              <a:gd name="connsiteY0" fmla="*/ 0 h 108267"/>
              <a:gd name="connsiteX1" fmla="*/ 1117707 w 2214987"/>
              <a:gd name="connsiteY1" fmla="*/ 6774 h 108267"/>
              <a:gd name="connsiteX2" fmla="*/ 2214987 w 2214987"/>
              <a:gd name="connsiteY2" fmla="*/ 108267 h 108267"/>
              <a:gd name="connsiteX3" fmla="*/ 6774 w 2214987"/>
              <a:gd name="connsiteY3" fmla="*/ 108267 h 108267"/>
              <a:gd name="connsiteX4" fmla="*/ 0 w 2214987"/>
              <a:gd name="connsiteY4" fmla="*/ 0 h 108267"/>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4165 w 2219152"/>
              <a:gd name="connsiteY0" fmla="*/ 1679786 h 1788053"/>
              <a:gd name="connsiteX1" fmla="*/ 1067685 w 2219152"/>
              <a:gd name="connsiteY1" fmla="*/ 0 h 1788053"/>
              <a:gd name="connsiteX2" fmla="*/ 2219152 w 2219152"/>
              <a:gd name="connsiteY2" fmla="*/ 1788053 h 1788053"/>
              <a:gd name="connsiteX3" fmla="*/ 10939 w 2219152"/>
              <a:gd name="connsiteY3" fmla="*/ 1788053 h 1788053"/>
              <a:gd name="connsiteX4" fmla="*/ 4165 w 2219152"/>
              <a:gd name="connsiteY4" fmla="*/ 1679786 h 1788053"/>
              <a:gd name="connsiteX0" fmla="*/ 8666 w 2217303"/>
              <a:gd name="connsiteY0" fmla="*/ 1743286 h 1788053"/>
              <a:gd name="connsiteX1" fmla="*/ 1065836 w 2217303"/>
              <a:gd name="connsiteY1" fmla="*/ 0 h 1788053"/>
              <a:gd name="connsiteX2" fmla="*/ 2217303 w 2217303"/>
              <a:gd name="connsiteY2" fmla="*/ 1788053 h 1788053"/>
              <a:gd name="connsiteX3" fmla="*/ 9090 w 2217303"/>
              <a:gd name="connsiteY3" fmla="*/ 1788053 h 1788053"/>
              <a:gd name="connsiteX4" fmla="*/ 8666 w 2217303"/>
              <a:gd name="connsiteY4" fmla="*/ 1743286 h 1788053"/>
              <a:gd name="connsiteX0" fmla="*/ 8666 w 2217367"/>
              <a:gd name="connsiteY0" fmla="*/ 1743286 h 1788053"/>
              <a:gd name="connsiteX1" fmla="*/ 1065836 w 2217367"/>
              <a:gd name="connsiteY1" fmla="*/ 0 h 1788053"/>
              <a:gd name="connsiteX2" fmla="*/ 2217303 w 2217367"/>
              <a:gd name="connsiteY2" fmla="*/ 1788053 h 1788053"/>
              <a:gd name="connsiteX3" fmla="*/ 9090 w 2217367"/>
              <a:gd name="connsiteY3" fmla="*/ 1788053 h 1788053"/>
              <a:gd name="connsiteX4" fmla="*/ 8666 w 2217367"/>
              <a:gd name="connsiteY4" fmla="*/ 1743286 h 1788053"/>
              <a:gd name="connsiteX0" fmla="*/ 8666 w 2217367"/>
              <a:gd name="connsiteY0" fmla="*/ 1743286 h 1792286"/>
              <a:gd name="connsiteX1" fmla="*/ 1065836 w 2217367"/>
              <a:gd name="connsiteY1" fmla="*/ 0 h 1792286"/>
              <a:gd name="connsiteX2" fmla="*/ 2217303 w 2217367"/>
              <a:gd name="connsiteY2" fmla="*/ 1788053 h 1792286"/>
              <a:gd name="connsiteX3" fmla="*/ 9090 w 2217367"/>
              <a:gd name="connsiteY3" fmla="*/ 1788053 h 1792286"/>
              <a:gd name="connsiteX4" fmla="*/ 8666 w 2217367"/>
              <a:gd name="connsiteY4" fmla="*/ 1743286 h 1792286"/>
              <a:gd name="connsiteX0" fmla="*/ 11131 w 2219832"/>
              <a:gd name="connsiteY0" fmla="*/ 1743286 h 1794403"/>
              <a:gd name="connsiteX1" fmla="*/ 1068301 w 2219832"/>
              <a:gd name="connsiteY1" fmla="*/ 0 h 1794403"/>
              <a:gd name="connsiteX2" fmla="*/ 2219768 w 2219832"/>
              <a:gd name="connsiteY2" fmla="*/ 1788053 h 1794403"/>
              <a:gd name="connsiteX3" fmla="*/ 8380 w 2219832"/>
              <a:gd name="connsiteY3" fmla="*/ 1794403 h 1794403"/>
              <a:gd name="connsiteX4" fmla="*/ 11131 w 2219832"/>
              <a:gd name="connsiteY4" fmla="*/ 174328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87863"/>
              <a:gd name="connsiteY0" fmla="*/ 1780405 h 1812472"/>
              <a:gd name="connsiteX1" fmla="*/ 1069849 w 2287863"/>
              <a:gd name="connsiteY1" fmla="*/ 18069 h 1812472"/>
              <a:gd name="connsiteX2" fmla="*/ 1654578 w 2287863"/>
              <a:gd name="connsiteY2" fmla="*/ 920296 h 1812472"/>
              <a:gd name="connsiteX3" fmla="*/ 2221316 w 2287863"/>
              <a:gd name="connsiteY3" fmla="*/ 1806122 h 1812472"/>
              <a:gd name="connsiteX4" fmla="*/ 9928 w 2287863"/>
              <a:gd name="connsiteY4" fmla="*/ 1812472 h 1812472"/>
              <a:gd name="connsiteX5" fmla="*/ 6329 w 2287863"/>
              <a:gd name="connsiteY5" fmla="*/ 1780405 h 1812472"/>
              <a:gd name="connsiteX0" fmla="*/ 6329 w 2223184"/>
              <a:gd name="connsiteY0" fmla="*/ 1780405 h 1812472"/>
              <a:gd name="connsiteX1" fmla="*/ 1069849 w 2223184"/>
              <a:gd name="connsiteY1" fmla="*/ 18069 h 1812472"/>
              <a:gd name="connsiteX2" fmla="*/ 1654578 w 2223184"/>
              <a:gd name="connsiteY2" fmla="*/ 920296 h 1812472"/>
              <a:gd name="connsiteX3" fmla="*/ 2221316 w 2223184"/>
              <a:gd name="connsiteY3" fmla="*/ 1806122 h 1812472"/>
              <a:gd name="connsiteX4" fmla="*/ 9928 w 2223184"/>
              <a:gd name="connsiteY4" fmla="*/ 1812472 h 1812472"/>
              <a:gd name="connsiteX5" fmla="*/ 6329 w 2223184"/>
              <a:gd name="connsiteY5" fmla="*/ 1780405 h 1812472"/>
              <a:gd name="connsiteX0" fmla="*/ 6329 w 2223184"/>
              <a:gd name="connsiteY0" fmla="*/ 1763110 h 1795177"/>
              <a:gd name="connsiteX1" fmla="*/ 1069849 w 2223184"/>
              <a:gd name="connsiteY1" fmla="*/ 774 h 1795177"/>
              <a:gd name="connsiteX2" fmla="*/ 1654578 w 2223184"/>
              <a:gd name="connsiteY2" fmla="*/ 903001 h 1795177"/>
              <a:gd name="connsiteX3" fmla="*/ 2221316 w 2223184"/>
              <a:gd name="connsiteY3" fmla="*/ 1788827 h 1795177"/>
              <a:gd name="connsiteX4" fmla="*/ 9928 w 2223184"/>
              <a:gd name="connsiteY4" fmla="*/ 1795177 h 1795177"/>
              <a:gd name="connsiteX5" fmla="*/ 6329 w 2223184"/>
              <a:gd name="connsiteY5" fmla="*/ 1763110 h 1795177"/>
              <a:gd name="connsiteX0" fmla="*/ 6329 w 2223184"/>
              <a:gd name="connsiteY0" fmla="*/ 1759939 h 1792006"/>
              <a:gd name="connsiteX1" fmla="*/ 1082549 w 2223184"/>
              <a:gd name="connsiteY1" fmla="*/ 778 h 1792006"/>
              <a:gd name="connsiteX2" fmla="*/ 1654578 w 2223184"/>
              <a:gd name="connsiteY2" fmla="*/ 899830 h 1792006"/>
              <a:gd name="connsiteX3" fmla="*/ 2221316 w 2223184"/>
              <a:gd name="connsiteY3" fmla="*/ 1785656 h 1792006"/>
              <a:gd name="connsiteX4" fmla="*/ 9928 w 2223184"/>
              <a:gd name="connsiteY4" fmla="*/ 1792006 h 1792006"/>
              <a:gd name="connsiteX5" fmla="*/ 6329 w 2223184"/>
              <a:gd name="connsiteY5" fmla="*/ 1759939 h 1792006"/>
              <a:gd name="connsiteX0" fmla="*/ 6329 w 2223752"/>
              <a:gd name="connsiteY0" fmla="*/ 895066 h 927133"/>
              <a:gd name="connsiteX1" fmla="*/ 449928 w 2223752"/>
              <a:gd name="connsiteY1" fmla="*/ 179133 h 927133"/>
              <a:gd name="connsiteX2" fmla="*/ 1654578 w 2223752"/>
              <a:gd name="connsiteY2" fmla="*/ 34957 h 927133"/>
              <a:gd name="connsiteX3" fmla="*/ 2221316 w 2223752"/>
              <a:gd name="connsiteY3" fmla="*/ 920783 h 927133"/>
              <a:gd name="connsiteX4" fmla="*/ 9928 w 2223752"/>
              <a:gd name="connsiteY4" fmla="*/ 927133 h 927133"/>
              <a:gd name="connsiteX5" fmla="*/ 6329 w 2223752"/>
              <a:gd name="connsiteY5" fmla="*/ 895066 h 927133"/>
              <a:gd name="connsiteX0" fmla="*/ 6329 w 2223898"/>
              <a:gd name="connsiteY0" fmla="*/ 719578 h 751645"/>
              <a:gd name="connsiteX1" fmla="*/ 449928 w 2223898"/>
              <a:gd name="connsiteY1" fmla="*/ 3645 h 751645"/>
              <a:gd name="connsiteX2" fmla="*/ 1673676 w 2223898"/>
              <a:gd name="connsiteY2" fmla="*/ 217557 h 751645"/>
              <a:gd name="connsiteX3" fmla="*/ 2221316 w 2223898"/>
              <a:gd name="connsiteY3" fmla="*/ 745295 h 751645"/>
              <a:gd name="connsiteX4" fmla="*/ 9928 w 2223898"/>
              <a:gd name="connsiteY4" fmla="*/ 751645 h 751645"/>
              <a:gd name="connsiteX5" fmla="*/ 6329 w 2223898"/>
              <a:gd name="connsiteY5" fmla="*/ 719578 h 751645"/>
              <a:gd name="connsiteX0" fmla="*/ 6329 w 2224352"/>
              <a:gd name="connsiteY0" fmla="*/ 757776 h 789843"/>
              <a:gd name="connsiteX1" fmla="*/ 449928 w 2224352"/>
              <a:gd name="connsiteY1" fmla="*/ 41843 h 789843"/>
              <a:gd name="connsiteX2" fmla="*/ 1721421 w 2224352"/>
              <a:gd name="connsiteY2" fmla="*/ 71936 h 789843"/>
              <a:gd name="connsiteX3" fmla="*/ 2221316 w 2224352"/>
              <a:gd name="connsiteY3" fmla="*/ 783493 h 789843"/>
              <a:gd name="connsiteX4" fmla="*/ 9928 w 2224352"/>
              <a:gd name="connsiteY4" fmla="*/ 789843 h 789843"/>
              <a:gd name="connsiteX5" fmla="*/ 6329 w 2224352"/>
              <a:gd name="connsiteY5" fmla="*/ 757776 h 789843"/>
              <a:gd name="connsiteX0" fmla="*/ 6329 w 2222973"/>
              <a:gd name="connsiteY0" fmla="*/ 746262 h 778329"/>
              <a:gd name="connsiteX1" fmla="*/ 449928 w 2222973"/>
              <a:gd name="connsiteY1" fmla="*/ 30329 h 778329"/>
              <a:gd name="connsiteX2" fmla="*/ 1721421 w 2222973"/>
              <a:gd name="connsiteY2" fmla="*/ 60422 h 778329"/>
              <a:gd name="connsiteX3" fmla="*/ 2221316 w 2222973"/>
              <a:gd name="connsiteY3" fmla="*/ 771979 h 778329"/>
              <a:gd name="connsiteX4" fmla="*/ 9928 w 2222973"/>
              <a:gd name="connsiteY4" fmla="*/ 778329 h 778329"/>
              <a:gd name="connsiteX5" fmla="*/ 6329 w 2222973"/>
              <a:gd name="connsiteY5" fmla="*/ 746262 h 778329"/>
              <a:gd name="connsiteX0" fmla="*/ 6329 w 2222965"/>
              <a:gd name="connsiteY0" fmla="*/ 768416 h 800483"/>
              <a:gd name="connsiteX1" fmla="*/ 449928 w 2222965"/>
              <a:gd name="connsiteY1" fmla="*/ 52483 h 800483"/>
              <a:gd name="connsiteX2" fmla="*/ 1719034 w 2222965"/>
              <a:gd name="connsiteY2" fmla="*/ 46767 h 800483"/>
              <a:gd name="connsiteX3" fmla="*/ 2221316 w 2222965"/>
              <a:gd name="connsiteY3" fmla="*/ 794133 h 800483"/>
              <a:gd name="connsiteX4" fmla="*/ 9928 w 2222965"/>
              <a:gd name="connsiteY4" fmla="*/ 800483 h 800483"/>
              <a:gd name="connsiteX5" fmla="*/ 6329 w 2222965"/>
              <a:gd name="connsiteY5" fmla="*/ 768416 h 80048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25210 h 757277"/>
              <a:gd name="connsiteX1" fmla="*/ 449928 w 2222794"/>
              <a:gd name="connsiteY1" fmla="*/ 9277 h 757277"/>
              <a:gd name="connsiteX2" fmla="*/ 1719034 w 2222794"/>
              <a:gd name="connsiteY2" fmla="*/ 3561 h 757277"/>
              <a:gd name="connsiteX3" fmla="*/ 2221316 w 2222794"/>
              <a:gd name="connsiteY3" fmla="*/ 750927 h 757277"/>
              <a:gd name="connsiteX4" fmla="*/ 9928 w 2222794"/>
              <a:gd name="connsiteY4" fmla="*/ 757277 h 757277"/>
              <a:gd name="connsiteX5" fmla="*/ 6329 w 2222794"/>
              <a:gd name="connsiteY5" fmla="*/ 725210 h 757277"/>
              <a:gd name="connsiteX0" fmla="*/ 6329 w 2224321"/>
              <a:gd name="connsiteY0" fmla="*/ 776876 h 808943"/>
              <a:gd name="connsiteX1" fmla="*/ 452315 w 2224321"/>
              <a:gd name="connsiteY1" fmla="*/ 53782 h 808943"/>
              <a:gd name="connsiteX2" fmla="*/ 1719034 w 2224321"/>
              <a:gd name="connsiteY2" fmla="*/ 55227 h 808943"/>
              <a:gd name="connsiteX3" fmla="*/ 2221316 w 2224321"/>
              <a:gd name="connsiteY3" fmla="*/ 802593 h 808943"/>
              <a:gd name="connsiteX4" fmla="*/ 9928 w 2224321"/>
              <a:gd name="connsiteY4" fmla="*/ 808943 h 808943"/>
              <a:gd name="connsiteX5" fmla="*/ 6329 w 2224321"/>
              <a:gd name="connsiteY5" fmla="*/ 776876 h 808943"/>
              <a:gd name="connsiteX0" fmla="*/ 6329 w 2222799"/>
              <a:gd name="connsiteY0" fmla="*/ 729135 h 761202"/>
              <a:gd name="connsiteX1" fmla="*/ 452315 w 2222799"/>
              <a:gd name="connsiteY1" fmla="*/ 6041 h 761202"/>
              <a:gd name="connsiteX2" fmla="*/ 1719034 w 2222799"/>
              <a:gd name="connsiteY2" fmla="*/ 7486 h 761202"/>
              <a:gd name="connsiteX3" fmla="*/ 2221316 w 2222799"/>
              <a:gd name="connsiteY3" fmla="*/ 754852 h 761202"/>
              <a:gd name="connsiteX4" fmla="*/ 9928 w 2222799"/>
              <a:gd name="connsiteY4" fmla="*/ 761202 h 761202"/>
              <a:gd name="connsiteX5" fmla="*/ 6329 w 2222799"/>
              <a:gd name="connsiteY5" fmla="*/ 729135 h 761202"/>
              <a:gd name="connsiteX0" fmla="*/ 17733 w 2234203"/>
              <a:gd name="connsiteY0" fmla="*/ 729135 h 761202"/>
              <a:gd name="connsiteX1" fmla="*/ 463719 w 2234203"/>
              <a:gd name="connsiteY1" fmla="*/ 6041 h 761202"/>
              <a:gd name="connsiteX2" fmla="*/ 1730438 w 2234203"/>
              <a:gd name="connsiteY2" fmla="*/ 7486 h 761202"/>
              <a:gd name="connsiteX3" fmla="*/ 2232720 w 2234203"/>
              <a:gd name="connsiteY3" fmla="*/ 754852 h 761202"/>
              <a:gd name="connsiteX4" fmla="*/ 7008 w 2234203"/>
              <a:gd name="connsiteY4" fmla="*/ 761202 h 761202"/>
              <a:gd name="connsiteX5" fmla="*/ 17733 w 2234203"/>
              <a:gd name="connsiteY5" fmla="*/ 729135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556 w 2229242"/>
              <a:gd name="connsiteY0" fmla="*/ 478474 h 761202"/>
              <a:gd name="connsiteX1" fmla="*/ 458758 w 2229242"/>
              <a:gd name="connsiteY1" fmla="*/ 6041 h 761202"/>
              <a:gd name="connsiteX2" fmla="*/ 1725477 w 2229242"/>
              <a:gd name="connsiteY2" fmla="*/ 7486 h 761202"/>
              <a:gd name="connsiteX3" fmla="*/ 2227759 w 2229242"/>
              <a:gd name="connsiteY3" fmla="*/ 754852 h 761202"/>
              <a:gd name="connsiteX4" fmla="*/ 2047 w 2229242"/>
              <a:gd name="connsiteY4" fmla="*/ 761202 h 761202"/>
              <a:gd name="connsiteX5" fmla="*/ 165556 w 2229242"/>
              <a:gd name="connsiteY5" fmla="*/ 478474 h 761202"/>
              <a:gd name="connsiteX0" fmla="*/ 140965 w 2229601"/>
              <a:gd name="connsiteY0" fmla="*/ 531939 h 761202"/>
              <a:gd name="connsiteX1" fmla="*/ 459117 w 2229601"/>
              <a:gd name="connsiteY1" fmla="*/ 6041 h 761202"/>
              <a:gd name="connsiteX2" fmla="*/ 1725836 w 2229601"/>
              <a:gd name="connsiteY2" fmla="*/ 7486 h 761202"/>
              <a:gd name="connsiteX3" fmla="*/ 2228118 w 2229601"/>
              <a:gd name="connsiteY3" fmla="*/ 754852 h 761202"/>
              <a:gd name="connsiteX4" fmla="*/ 2406 w 2229601"/>
              <a:gd name="connsiteY4" fmla="*/ 761202 h 761202"/>
              <a:gd name="connsiteX5" fmla="*/ 140965 w 2229601"/>
              <a:gd name="connsiteY5" fmla="*/ 531939 h 761202"/>
              <a:gd name="connsiteX0" fmla="*/ 140965 w 2229601"/>
              <a:gd name="connsiteY0" fmla="*/ 531939 h 761202"/>
              <a:gd name="connsiteX1" fmla="*/ 459117 w 2229601"/>
              <a:gd name="connsiteY1" fmla="*/ 6041 h 761202"/>
              <a:gd name="connsiteX2" fmla="*/ 1725836 w 2229601"/>
              <a:gd name="connsiteY2" fmla="*/ 7486 h 761202"/>
              <a:gd name="connsiteX3" fmla="*/ 2228118 w 2229601"/>
              <a:gd name="connsiteY3" fmla="*/ 754852 h 761202"/>
              <a:gd name="connsiteX4" fmla="*/ 2406 w 2229601"/>
              <a:gd name="connsiteY4" fmla="*/ 761202 h 761202"/>
              <a:gd name="connsiteX5" fmla="*/ 140965 w 2229601"/>
              <a:gd name="connsiteY5" fmla="*/ 531939 h 761202"/>
              <a:gd name="connsiteX0" fmla="*/ 140937 w 2229573"/>
              <a:gd name="connsiteY0" fmla="*/ 531939 h 761202"/>
              <a:gd name="connsiteX1" fmla="*/ 459089 w 2229573"/>
              <a:gd name="connsiteY1" fmla="*/ 6041 h 761202"/>
              <a:gd name="connsiteX2" fmla="*/ 1725808 w 2229573"/>
              <a:gd name="connsiteY2" fmla="*/ 7486 h 761202"/>
              <a:gd name="connsiteX3" fmla="*/ 2228090 w 2229573"/>
              <a:gd name="connsiteY3" fmla="*/ 754852 h 761202"/>
              <a:gd name="connsiteX4" fmla="*/ 2378 w 2229573"/>
              <a:gd name="connsiteY4" fmla="*/ 761202 h 761202"/>
              <a:gd name="connsiteX5" fmla="*/ 140937 w 2229573"/>
              <a:gd name="connsiteY5" fmla="*/ 531939 h 761202"/>
              <a:gd name="connsiteX0" fmla="*/ 140937 w 2229573"/>
              <a:gd name="connsiteY0" fmla="*/ 515900 h 761202"/>
              <a:gd name="connsiteX1" fmla="*/ 459089 w 2229573"/>
              <a:gd name="connsiteY1" fmla="*/ 6041 h 761202"/>
              <a:gd name="connsiteX2" fmla="*/ 1725808 w 2229573"/>
              <a:gd name="connsiteY2" fmla="*/ 7486 h 761202"/>
              <a:gd name="connsiteX3" fmla="*/ 2228090 w 2229573"/>
              <a:gd name="connsiteY3" fmla="*/ 754852 h 761202"/>
              <a:gd name="connsiteX4" fmla="*/ 2378 w 2229573"/>
              <a:gd name="connsiteY4" fmla="*/ 761202 h 761202"/>
              <a:gd name="connsiteX5" fmla="*/ 140937 w 2229573"/>
              <a:gd name="connsiteY5" fmla="*/ 515900 h 761202"/>
              <a:gd name="connsiteX0" fmla="*/ 140937 w 2229573"/>
              <a:gd name="connsiteY0" fmla="*/ 515900 h 761202"/>
              <a:gd name="connsiteX1" fmla="*/ 459089 w 2229573"/>
              <a:gd name="connsiteY1" fmla="*/ 6041 h 761202"/>
              <a:gd name="connsiteX2" fmla="*/ 1725808 w 2229573"/>
              <a:gd name="connsiteY2" fmla="*/ 7486 h 761202"/>
              <a:gd name="connsiteX3" fmla="*/ 2228090 w 2229573"/>
              <a:gd name="connsiteY3" fmla="*/ 754852 h 761202"/>
              <a:gd name="connsiteX4" fmla="*/ 2378 w 2229573"/>
              <a:gd name="connsiteY4" fmla="*/ 761202 h 761202"/>
              <a:gd name="connsiteX5" fmla="*/ 140937 w 2229573"/>
              <a:gd name="connsiteY5" fmla="*/ 515900 h 761202"/>
              <a:gd name="connsiteX0" fmla="*/ 144443 w 2229515"/>
              <a:gd name="connsiteY0" fmla="*/ 512336 h 761202"/>
              <a:gd name="connsiteX1" fmla="*/ 459031 w 2229515"/>
              <a:gd name="connsiteY1" fmla="*/ 6041 h 761202"/>
              <a:gd name="connsiteX2" fmla="*/ 1725750 w 2229515"/>
              <a:gd name="connsiteY2" fmla="*/ 7486 h 761202"/>
              <a:gd name="connsiteX3" fmla="*/ 2228032 w 2229515"/>
              <a:gd name="connsiteY3" fmla="*/ 754852 h 761202"/>
              <a:gd name="connsiteX4" fmla="*/ 2320 w 2229515"/>
              <a:gd name="connsiteY4" fmla="*/ 761202 h 761202"/>
              <a:gd name="connsiteX5" fmla="*/ 144443 w 2229515"/>
              <a:gd name="connsiteY5" fmla="*/ 512336 h 761202"/>
              <a:gd name="connsiteX0" fmla="*/ 153221 w 2238293"/>
              <a:gd name="connsiteY0" fmla="*/ 512336 h 761202"/>
              <a:gd name="connsiteX1" fmla="*/ 467809 w 2238293"/>
              <a:gd name="connsiteY1" fmla="*/ 6041 h 761202"/>
              <a:gd name="connsiteX2" fmla="*/ 1734528 w 2238293"/>
              <a:gd name="connsiteY2" fmla="*/ 7486 h 761202"/>
              <a:gd name="connsiteX3" fmla="*/ 2236810 w 2238293"/>
              <a:gd name="connsiteY3" fmla="*/ 754852 h 761202"/>
              <a:gd name="connsiteX4" fmla="*/ 2187 w 2238293"/>
              <a:gd name="connsiteY4" fmla="*/ 761202 h 761202"/>
              <a:gd name="connsiteX5" fmla="*/ 153221 w 2238293"/>
              <a:gd name="connsiteY5" fmla="*/ 512336 h 761202"/>
              <a:gd name="connsiteX0" fmla="*/ 151052 w 2236124"/>
              <a:gd name="connsiteY0" fmla="*/ 512336 h 761202"/>
              <a:gd name="connsiteX1" fmla="*/ 465640 w 2236124"/>
              <a:gd name="connsiteY1" fmla="*/ 6041 h 761202"/>
              <a:gd name="connsiteX2" fmla="*/ 1732359 w 2236124"/>
              <a:gd name="connsiteY2" fmla="*/ 7486 h 761202"/>
              <a:gd name="connsiteX3" fmla="*/ 2234641 w 2236124"/>
              <a:gd name="connsiteY3" fmla="*/ 754852 h 761202"/>
              <a:gd name="connsiteX4" fmla="*/ 18 w 2236124"/>
              <a:gd name="connsiteY4" fmla="*/ 761202 h 761202"/>
              <a:gd name="connsiteX5" fmla="*/ 151052 w 2236124"/>
              <a:gd name="connsiteY5" fmla="*/ 512336 h 761202"/>
              <a:gd name="connsiteX0" fmla="*/ 151052 w 2234641"/>
              <a:gd name="connsiteY0" fmla="*/ 512336 h 761202"/>
              <a:gd name="connsiteX1" fmla="*/ 465640 w 2234641"/>
              <a:gd name="connsiteY1" fmla="*/ 6041 h 761202"/>
              <a:gd name="connsiteX2" fmla="*/ 1732359 w 2234641"/>
              <a:gd name="connsiteY2" fmla="*/ 7486 h 761202"/>
              <a:gd name="connsiteX3" fmla="*/ 2234641 w 2234641"/>
              <a:gd name="connsiteY3" fmla="*/ 754852 h 761202"/>
              <a:gd name="connsiteX4" fmla="*/ 18 w 2234641"/>
              <a:gd name="connsiteY4" fmla="*/ 761202 h 761202"/>
              <a:gd name="connsiteX5" fmla="*/ 151052 w 2234641"/>
              <a:gd name="connsiteY5" fmla="*/ 512336 h 7612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4641" h="761202">
                <a:moveTo>
                  <a:pt x="151052" y="512336"/>
                </a:moveTo>
                <a:cubicBezTo>
                  <a:pt x="220763" y="405156"/>
                  <a:pt x="445357" y="31321"/>
                  <a:pt x="465640" y="6041"/>
                </a:cubicBezTo>
                <a:cubicBezTo>
                  <a:pt x="468014" y="8811"/>
                  <a:pt x="1719222" y="-9890"/>
                  <a:pt x="1732359" y="7486"/>
                </a:cubicBezTo>
                <a:cubicBezTo>
                  <a:pt x="1745496" y="24862"/>
                  <a:pt x="2234066" y="763727"/>
                  <a:pt x="2234641" y="754852"/>
                </a:cubicBezTo>
                <a:lnTo>
                  <a:pt x="18" y="761202"/>
                </a:lnTo>
                <a:cubicBezTo>
                  <a:pt x="-1686" y="760038"/>
                  <a:pt x="119283" y="569405"/>
                  <a:pt x="151052" y="512336"/>
                </a:cubicBezTo>
                <a:close/>
              </a:path>
            </a:pathLst>
          </a:custGeom>
          <a:solidFill>
            <a:schemeClr val="accent2"/>
          </a:solidFill>
          <a:ln w="38100">
            <a:solidFill>
              <a:schemeClr val="bg1"/>
            </a:solidFill>
          </a:ln>
        </p:spPr>
        <p:txBody>
          <a:bodyPr lIns="144000" rIns="144000" anchor="ctr"/>
          <a:lstStyle>
            <a:lvl1pPr marL="0" indent="0" algn="ctr">
              <a:lnSpc>
                <a:spcPct val="90000"/>
              </a:lnSpc>
              <a:spcBef>
                <a:spcPts val="0"/>
              </a:spcBef>
              <a:buNone/>
              <a:defRPr spc="-40" baseline="0">
                <a:solidFill>
                  <a:schemeClr val="bg1"/>
                </a:solidFill>
              </a:defRPr>
            </a:lvl1pPr>
          </a:lstStyle>
          <a:p>
            <a:pPr lvl="0"/>
            <a:r>
              <a:rPr lang="en-GB"/>
              <a:t>Insert</a:t>
            </a:r>
            <a:br>
              <a:rPr lang="en-GB"/>
            </a:br>
            <a:r>
              <a:rPr lang="en-GB"/>
              <a:t>text</a:t>
            </a:r>
            <a:endParaRPr lang="en-FI"/>
          </a:p>
        </p:txBody>
      </p:sp>
      <p:sp>
        <p:nvSpPr>
          <p:cNvPr id="4" name="Text Placeholder 3">
            <a:extLst>
              <a:ext uri="{FF2B5EF4-FFF2-40B4-BE49-F238E27FC236}">
                <a16:creationId xmlns:a16="http://schemas.microsoft.com/office/drawing/2014/main" id="{1587DA75-DCD6-6B25-8C95-696A515581ED}"/>
              </a:ext>
            </a:extLst>
          </p:cNvPr>
          <p:cNvSpPr>
            <a:spLocks noGrp="1"/>
          </p:cNvSpPr>
          <p:nvPr>
            <p:ph type="body" sz="quarter" idx="40" hasCustomPrompt="1"/>
          </p:nvPr>
        </p:nvSpPr>
        <p:spPr>
          <a:xfrm>
            <a:off x="695324" y="2340687"/>
            <a:ext cx="6946725" cy="1187726"/>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533045"/>
              <a:gd name="connsiteY0" fmla="*/ 0 h 2359940"/>
              <a:gd name="connsiteX1" fmla="*/ 4472731 w 4533045"/>
              <a:gd name="connsiteY1" fmla="*/ 619 h 2359940"/>
              <a:gd name="connsiteX2" fmla="*/ 4532313 w 4533045"/>
              <a:gd name="connsiteY2" fmla="*/ 33742 h 2359940"/>
              <a:gd name="connsiteX3" fmla="*/ 4084742 w 4533045"/>
              <a:gd name="connsiteY3" fmla="*/ 2359940 h 2359940"/>
              <a:gd name="connsiteX4" fmla="*/ 2451603 w 4533045"/>
              <a:gd name="connsiteY4" fmla="*/ 2352415 h 2359940"/>
              <a:gd name="connsiteX5" fmla="*/ 35511 w 4533045"/>
              <a:gd name="connsiteY5" fmla="*/ 2344738 h 2359940"/>
              <a:gd name="connsiteX6" fmla="*/ 14602 w 4533045"/>
              <a:gd name="connsiteY6" fmla="*/ 1881244 h 2359940"/>
              <a:gd name="connsiteX7" fmla="*/ 0 w 4533045"/>
              <a:gd name="connsiteY7" fmla="*/ 0 h 2359940"/>
              <a:gd name="connsiteX0" fmla="*/ 0 w 4533045"/>
              <a:gd name="connsiteY0" fmla="*/ 0 h 2359940"/>
              <a:gd name="connsiteX1" fmla="*/ 4472731 w 4533045"/>
              <a:gd name="connsiteY1" fmla="*/ 619 h 2359940"/>
              <a:gd name="connsiteX2" fmla="*/ 4532313 w 4533045"/>
              <a:gd name="connsiteY2" fmla="*/ 33742 h 2359940"/>
              <a:gd name="connsiteX3" fmla="*/ 4084742 w 4533045"/>
              <a:gd name="connsiteY3" fmla="*/ 2359940 h 2359940"/>
              <a:gd name="connsiteX4" fmla="*/ 2451603 w 4533045"/>
              <a:gd name="connsiteY4" fmla="*/ 2352415 h 2359940"/>
              <a:gd name="connsiteX5" fmla="*/ 35511 w 4533045"/>
              <a:gd name="connsiteY5" fmla="*/ 2344738 h 2359940"/>
              <a:gd name="connsiteX6" fmla="*/ 14602 w 4533045"/>
              <a:gd name="connsiteY6" fmla="*/ 1881244 h 2359940"/>
              <a:gd name="connsiteX7" fmla="*/ 0 w 4533045"/>
              <a:gd name="connsiteY7" fmla="*/ 0 h 2359940"/>
              <a:gd name="connsiteX0" fmla="*/ 0 w 4533045"/>
              <a:gd name="connsiteY0" fmla="*/ 0 h 2359940"/>
              <a:gd name="connsiteX1" fmla="*/ 4472731 w 4533045"/>
              <a:gd name="connsiteY1" fmla="*/ 619 h 2359940"/>
              <a:gd name="connsiteX2" fmla="*/ 4532313 w 4533045"/>
              <a:gd name="connsiteY2" fmla="*/ 33742 h 2359940"/>
              <a:gd name="connsiteX3" fmla="*/ 4084742 w 4533045"/>
              <a:gd name="connsiteY3" fmla="*/ 2359940 h 2359940"/>
              <a:gd name="connsiteX4" fmla="*/ 2451603 w 4533045"/>
              <a:gd name="connsiteY4" fmla="*/ 2352415 h 2359940"/>
              <a:gd name="connsiteX5" fmla="*/ 35511 w 4533045"/>
              <a:gd name="connsiteY5" fmla="*/ 2344738 h 2359940"/>
              <a:gd name="connsiteX6" fmla="*/ 14602 w 4533045"/>
              <a:gd name="connsiteY6" fmla="*/ 1881244 h 2359940"/>
              <a:gd name="connsiteX7" fmla="*/ 0 w 4533045"/>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35511 w 4547391"/>
              <a:gd name="connsiteY5" fmla="*/ 2344738 h 2359940"/>
              <a:gd name="connsiteX6" fmla="*/ 14602 w 4547391"/>
              <a:gd name="connsiteY6" fmla="*/ 1881244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14602 w 4547391"/>
              <a:gd name="connsiteY6" fmla="*/ 1881244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58708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58708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1533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3842755 w 4547391"/>
              <a:gd name="connsiteY3" fmla="*/ 2359940 h 2359940"/>
              <a:gd name="connsiteX4" fmla="*/ 2451603 w 4547391"/>
              <a:gd name="connsiteY4" fmla="*/ 2352415 h 2359940"/>
              <a:gd name="connsiteX5" fmla="*/ 11533 w 4547391"/>
              <a:gd name="connsiteY5" fmla="*/ 2352882 h 2359940"/>
              <a:gd name="connsiteX6" fmla="*/ 3946 w 4547391"/>
              <a:gd name="connsiteY6" fmla="*/ 1083139 h 2359940"/>
              <a:gd name="connsiteX7" fmla="*/ 0 w 4547391"/>
              <a:gd name="connsiteY7" fmla="*/ 0 h 2359940"/>
              <a:gd name="connsiteX0" fmla="*/ 0 w 4546939"/>
              <a:gd name="connsiteY0" fmla="*/ 16590 h 2376530"/>
              <a:gd name="connsiteX1" fmla="*/ 4225484 w 4546939"/>
              <a:gd name="connsiteY1" fmla="*/ 0 h 2376530"/>
              <a:gd name="connsiteX2" fmla="*/ 4546818 w 4546939"/>
              <a:gd name="connsiteY2" fmla="*/ 43997 h 2376530"/>
              <a:gd name="connsiteX3" fmla="*/ 3842755 w 4546939"/>
              <a:gd name="connsiteY3" fmla="*/ 2376530 h 2376530"/>
              <a:gd name="connsiteX4" fmla="*/ 2451603 w 4546939"/>
              <a:gd name="connsiteY4" fmla="*/ 2369005 h 2376530"/>
              <a:gd name="connsiteX5" fmla="*/ 11533 w 4546939"/>
              <a:gd name="connsiteY5" fmla="*/ 2369472 h 2376530"/>
              <a:gd name="connsiteX6" fmla="*/ 3946 w 4546939"/>
              <a:gd name="connsiteY6" fmla="*/ 1099729 h 2376530"/>
              <a:gd name="connsiteX7" fmla="*/ 0 w 4546939"/>
              <a:gd name="connsiteY7" fmla="*/ 16590 h 2376530"/>
              <a:gd name="connsiteX0" fmla="*/ 0 w 4236272"/>
              <a:gd name="connsiteY0" fmla="*/ 16590 h 2376530"/>
              <a:gd name="connsiteX1" fmla="*/ 4225484 w 4236272"/>
              <a:gd name="connsiteY1" fmla="*/ 0 h 2376530"/>
              <a:gd name="connsiteX2" fmla="*/ 4225922 w 4236272"/>
              <a:gd name="connsiteY2" fmla="*/ 43998 h 2376530"/>
              <a:gd name="connsiteX3" fmla="*/ 3842755 w 4236272"/>
              <a:gd name="connsiteY3" fmla="*/ 2376530 h 2376530"/>
              <a:gd name="connsiteX4" fmla="*/ 2451603 w 4236272"/>
              <a:gd name="connsiteY4" fmla="*/ 2369005 h 2376530"/>
              <a:gd name="connsiteX5" fmla="*/ 11533 w 4236272"/>
              <a:gd name="connsiteY5" fmla="*/ 2369472 h 2376530"/>
              <a:gd name="connsiteX6" fmla="*/ 3946 w 4236272"/>
              <a:gd name="connsiteY6" fmla="*/ 1099729 h 2376530"/>
              <a:gd name="connsiteX7" fmla="*/ 0 w 4236272"/>
              <a:gd name="connsiteY7" fmla="*/ 16590 h 2376530"/>
              <a:gd name="connsiteX0" fmla="*/ 0 w 4236272"/>
              <a:gd name="connsiteY0" fmla="*/ 16590 h 2369522"/>
              <a:gd name="connsiteX1" fmla="*/ 4225484 w 4236272"/>
              <a:gd name="connsiteY1" fmla="*/ 0 h 2369522"/>
              <a:gd name="connsiteX2" fmla="*/ 4225922 w 4236272"/>
              <a:gd name="connsiteY2" fmla="*/ 43998 h 2369522"/>
              <a:gd name="connsiteX3" fmla="*/ 3832234 w 4236272"/>
              <a:gd name="connsiteY3" fmla="*/ 2342110 h 2369522"/>
              <a:gd name="connsiteX4" fmla="*/ 2451603 w 4236272"/>
              <a:gd name="connsiteY4" fmla="*/ 2369005 h 2369522"/>
              <a:gd name="connsiteX5" fmla="*/ 11533 w 4236272"/>
              <a:gd name="connsiteY5" fmla="*/ 2369472 h 2369522"/>
              <a:gd name="connsiteX6" fmla="*/ 3946 w 4236272"/>
              <a:gd name="connsiteY6" fmla="*/ 1099729 h 2369522"/>
              <a:gd name="connsiteX7" fmla="*/ 0 w 4236272"/>
              <a:gd name="connsiteY7" fmla="*/ 16590 h 236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236272" h="2369522">
                <a:moveTo>
                  <a:pt x="0" y="16590"/>
                </a:moveTo>
                <a:lnTo>
                  <a:pt x="4225484" y="0"/>
                </a:lnTo>
                <a:cubicBezTo>
                  <a:pt x="4245345" y="11041"/>
                  <a:pt x="4233055" y="-4159"/>
                  <a:pt x="4225922" y="43998"/>
                </a:cubicBezTo>
                <a:cubicBezTo>
                  <a:pt x="4083481" y="749929"/>
                  <a:pt x="4011263" y="1419758"/>
                  <a:pt x="3832234" y="2342110"/>
                </a:cubicBezTo>
                <a:lnTo>
                  <a:pt x="2451603" y="2369005"/>
                </a:lnTo>
                <a:lnTo>
                  <a:pt x="11533" y="2369472"/>
                </a:lnTo>
                <a:cubicBezTo>
                  <a:pt x="959" y="2376418"/>
                  <a:pt x="1208" y="1661400"/>
                  <a:pt x="3946" y="1099729"/>
                </a:cubicBezTo>
                <a:cubicBezTo>
                  <a:pt x="738" y="591704"/>
                  <a:pt x="9" y="424328"/>
                  <a:pt x="0" y="16590"/>
                </a:cubicBezTo>
                <a:close/>
              </a:path>
            </a:pathLst>
          </a:custGeom>
          <a:solidFill>
            <a:srgbClr val="D3E3E5"/>
          </a:solidFill>
        </p:spPr>
        <p:txBody>
          <a:bodyPr lIns="144000" tIns="144000"/>
          <a:lstStyle>
            <a:lvl1pPr marL="0" indent="0">
              <a:buFont typeface="Arial" panose="020B0604020202020204" pitchFamily="34" charset="0"/>
              <a:buNone/>
              <a:defRPr>
                <a:solidFill>
                  <a:schemeClr val="tx1"/>
                </a:solidFill>
              </a:defRPr>
            </a:lvl1pPr>
            <a:lvl2pPr marL="184150" indent="-171450">
              <a:buFont typeface="Arial" panose="020B0604020202020204" pitchFamily="34" charset="0"/>
              <a:buChar char="•"/>
              <a:tabLst/>
              <a:defRPr sz="1400">
                <a:solidFill>
                  <a:schemeClr val="tx1"/>
                </a:solidFill>
              </a:defRPr>
            </a:lvl2pPr>
          </a:lstStyle>
          <a:p>
            <a:pPr lvl="0"/>
            <a:r>
              <a:rPr lang="en-GB"/>
              <a:t>Explanation to pyramid top</a:t>
            </a:r>
          </a:p>
          <a:p>
            <a:pPr lvl="1"/>
            <a:r>
              <a:rPr lang="en-GB"/>
              <a:t>List style</a:t>
            </a:r>
          </a:p>
        </p:txBody>
      </p:sp>
      <p:sp>
        <p:nvSpPr>
          <p:cNvPr id="23" name="Text Placeholder 22">
            <a:extLst>
              <a:ext uri="{FF2B5EF4-FFF2-40B4-BE49-F238E27FC236}">
                <a16:creationId xmlns:a16="http://schemas.microsoft.com/office/drawing/2014/main" id="{77D46E80-AA77-6419-B03E-3D77520594B2}"/>
              </a:ext>
            </a:extLst>
          </p:cNvPr>
          <p:cNvSpPr>
            <a:spLocks noGrp="1"/>
          </p:cNvSpPr>
          <p:nvPr>
            <p:ph type="body" sz="quarter" idx="43" hasCustomPrompt="1"/>
          </p:nvPr>
        </p:nvSpPr>
        <p:spPr>
          <a:xfrm>
            <a:off x="6980359" y="1802450"/>
            <a:ext cx="2221284" cy="1791988"/>
          </a:xfrm>
          <a:custGeom>
            <a:avLst/>
            <a:gdLst>
              <a:gd name="connsiteX0" fmla="*/ 0 w 2208213"/>
              <a:gd name="connsiteY0" fmla="*/ 0 h 1550987"/>
              <a:gd name="connsiteX1" fmla="*/ 2208213 w 2208213"/>
              <a:gd name="connsiteY1" fmla="*/ 0 h 1550987"/>
              <a:gd name="connsiteX2" fmla="*/ 2208213 w 2208213"/>
              <a:gd name="connsiteY2" fmla="*/ 1550987 h 1550987"/>
              <a:gd name="connsiteX3" fmla="*/ 0 w 2208213"/>
              <a:gd name="connsiteY3" fmla="*/ 1550987 h 1550987"/>
              <a:gd name="connsiteX4" fmla="*/ 0 w 2208213"/>
              <a:gd name="connsiteY4" fmla="*/ 0 h 1550987"/>
              <a:gd name="connsiteX0" fmla="*/ 0 w 2214987"/>
              <a:gd name="connsiteY0" fmla="*/ 1442720 h 1550987"/>
              <a:gd name="connsiteX1" fmla="*/ 2214987 w 2214987"/>
              <a:gd name="connsiteY1" fmla="*/ 0 h 1550987"/>
              <a:gd name="connsiteX2" fmla="*/ 2214987 w 2214987"/>
              <a:gd name="connsiteY2" fmla="*/ 1550987 h 1550987"/>
              <a:gd name="connsiteX3" fmla="*/ 6774 w 2214987"/>
              <a:gd name="connsiteY3" fmla="*/ 1550987 h 1550987"/>
              <a:gd name="connsiteX4" fmla="*/ 0 w 2214987"/>
              <a:gd name="connsiteY4" fmla="*/ 1442720 h 1550987"/>
              <a:gd name="connsiteX0" fmla="*/ 0 w 2214987"/>
              <a:gd name="connsiteY0" fmla="*/ 0 h 108267"/>
              <a:gd name="connsiteX1" fmla="*/ 1117707 w 2214987"/>
              <a:gd name="connsiteY1" fmla="*/ 6774 h 108267"/>
              <a:gd name="connsiteX2" fmla="*/ 2214987 w 2214987"/>
              <a:gd name="connsiteY2" fmla="*/ 108267 h 108267"/>
              <a:gd name="connsiteX3" fmla="*/ 6774 w 2214987"/>
              <a:gd name="connsiteY3" fmla="*/ 108267 h 108267"/>
              <a:gd name="connsiteX4" fmla="*/ 0 w 2214987"/>
              <a:gd name="connsiteY4" fmla="*/ 0 h 108267"/>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4165 w 2219152"/>
              <a:gd name="connsiteY0" fmla="*/ 1679786 h 1788053"/>
              <a:gd name="connsiteX1" fmla="*/ 1067685 w 2219152"/>
              <a:gd name="connsiteY1" fmla="*/ 0 h 1788053"/>
              <a:gd name="connsiteX2" fmla="*/ 2219152 w 2219152"/>
              <a:gd name="connsiteY2" fmla="*/ 1788053 h 1788053"/>
              <a:gd name="connsiteX3" fmla="*/ 10939 w 2219152"/>
              <a:gd name="connsiteY3" fmla="*/ 1788053 h 1788053"/>
              <a:gd name="connsiteX4" fmla="*/ 4165 w 2219152"/>
              <a:gd name="connsiteY4" fmla="*/ 1679786 h 1788053"/>
              <a:gd name="connsiteX0" fmla="*/ 8666 w 2217303"/>
              <a:gd name="connsiteY0" fmla="*/ 1743286 h 1788053"/>
              <a:gd name="connsiteX1" fmla="*/ 1065836 w 2217303"/>
              <a:gd name="connsiteY1" fmla="*/ 0 h 1788053"/>
              <a:gd name="connsiteX2" fmla="*/ 2217303 w 2217303"/>
              <a:gd name="connsiteY2" fmla="*/ 1788053 h 1788053"/>
              <a:gd name="connsiteX3" fmla="*/ 9090 w 2217303"/>
              <a:gd name="connsiteY3" fmla="*/ 1788053 h 1788053"/>
              <a:gd name="connsiteX4" fmla="*/ 8666 w 2217303"/>
              <a:gd name="connsiteY4" fmla="*/ 1743286 h 1788053"/>
              <a:gd name="connsiteX0" fmla="*/ 8666 w 2217367"/>
              <a:gd name="connsiteY0" fmla="*/ 1743286 h 1788053"/>
              <a:gd name="connsiteX1" fmla="*/ 1065836 w 2217367"/>
              <a:gd name="connsiteY1" fmla="*/ 0 h 1788053"/>
              <a:gd name="connsiteX2" fmla="*/ 2217303 w 2217367"/>
              <a:gd name="connsiteY2" fmla="*/ 1788053 h 1788053"/>
              <a:gd name="connsiteX3" fmla="*/ 9090 w 2217367"/>
              <a:gd name="connsiteY3" fmla="*/ 1788053 h 1788053"/>
              <a:gd name="connsiteX4" fmla="*/ 8666 w 2217367"/>
              <a:gd name="connsiteY4" fmla="*/ 1743286 h 1788053"/>
              <a:gd name="connsiteX0" fmla="*/ 8666 w 2217367"/>
              <a:gd name="connsiteY0" fmla="*/ 1743286 h 1792286"/>
              <a:gd name="connsiteX1" fmla="*/ 1065836 w 2217367"/>
              <a:gd name="connsiteY1" fmla="*/ 0 h 1792286"/>
              <a:gd name="connsiteX2" fmla="*/ 2217303 w 2217367"/>
              <a:gd name="connsiteY2" fmla="*/ 1788053 h 1792286"/>
              <a:gd name="connsiteX3" fmla="*/ 9090 w 2217367"/>
              <a:gd name="connsiteY3" fmla="*/ 1788053 h 1792286"/>
              <a:gd name="connsiteX4" fmla="*/ 8666 w 2217367"/>
              <a:gd name="connsiteY4" fmla="*/ 1743286 h 1792286"/>
              <a:gd name="connsiteX0" fmla="*/ 11131 w 2219832"/>
              <a:gd name="connsiteY0" fmla="*/ 1743286 h 1794403"/>
              <a:gd name="connsiteX1" fmla="*/ 1068301 w 2219832"/>
              <a:gd name="connsiteY1" fmla="*/ 0 h 1794403"/>
              <a:gd name="connsiteX2" fmla="*/ 2219768 w 2219832"/>
              <a:gd name="connsiteY2" fmla="*/ 1788053 h 1794403"/>
              <a:gd name="connsiteX3" fmla="*/ 8380 w 2219832"/>
              <a:gd name="connsiteY3" fmla="*/ 1794403 h 1794403"/>
              <a:gd name="connsiteX4" fmla="*/ 11131 w 2219832"/>
              <a:gd name="connsiteY4" fmla="*/ 174328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87863"/>
              <a:gd name="connsiteY0" fmla="*/ 1780405 h 1812472"/>
              <a:gd name="connsiteX1" fmla="*/ 1069849 w 2287863"/>
              <a:gd name="connsiteY1" fmla="*/ 18069 h 1812472"/>
              <a:gd name="connsiteX2" fmla="*/ 1654578 w 2287863"/>
              <a:gd name="connsiteY2" fmla="*/ 920296 h 1812472"/>
              <a:gd name="connsiteX3" fmla="*/ 2221316 w 2287863"/>
              <a:gd name="connsiteY3" fmla="*/ 1806122 h 1812472"/>
              <a:gd name="connsiteX4" fmla="*/ 9928 w 2287863"/>
              <a:gd name="connsiteY4" fmla="*/ 1812472 h 1812472"/>
              <a:gd name="connsiteX5" fmla="*/ 6329 w 2287863"/>
              <a:gd name="connsiteY5" fmla="*/ 1780405 h 1812472"/>
              <a:gd name="connsiteX0" fmla="*/ 6329 w 2223184"/>
              <a:gd name="connsiteY0" fmla="*/ 1780405 h 1812472"/>
              <a:gd name="connsiteX1" fmla="*/ 1069849 w 2223184"/>
              <a:gd name="connsiteY1" fmla="*/ 18069 h 1812472"/>
              <a:gd name="connsiteX2" fmla="*/ 1654578 w 2223184"/>
              <a:gd name="connsiteY2" fmla="*/ 920296 h 1812472"/>
              <a:gd name="connsiteX3" fmla="*/ 2221316 w 2223184"/>
              <a:gd name="connsiteY3" fmla="*/ 1806122 h 1812472"/>
              <a:gd name="connsiteX4" fmla="*/ 9928 w 2223184"/>
              <a:gd name="connsiteY4" fmla="*/ 1812472 h 1812472"/>
              <a:gd name="connsiteX5" fmla="*/ 6329 w 2223184"/>
              <a:gd name="connsiteY5" fmla="*/ 1780405 h 1812472"/>
              <a:gd name="connsiteX0" fmla="*/ 6329 w 2223184"/>
              <a:gd name="connsiteY0" fmla="*/ 1763110 h 1795177"/>
              <a:gd name="connsiteX1" fmla="*/ 1069849 w 2223184"/>
              <a:gd name="connsiteY1" fmla="*/ 774 h 1795177"/>
              <a:gd name="connsiteX2" fmla="*/ 1654578 w 2223184"/>
              <a:gd name="connsiteY2" fmla="*/ 903001 h 1795177"/>
              <a:gd name="connsiteX3" fmla="*/ 2221316 w 2223184"/>
              <a:gd name="connsiteY3" fmla="*/ 1788827 h 1795177"/>
              <a:gd name="connsiteX4" fmla="*/ 9928 w 2223184"/>
              <a:gd name="connsiteY4" fmla="*/ 1795177 h 1795177"/>
              <a:gd name="connsiteX5" fmla="*/ 6329 w 2223184"/>
              <a:gd name="connsiteY5" fmla="*/ 1763110 h 1795177"/>
              <a:gd name="connsiteX0" fmla="*/ 6329 w 2223184"/>
              <a:gd name="connsiteY0" fmla="*/ 1759939 h 1792006"/>
              <a:gd name="connsiteX1" fmla="*/ 1082549 w 2223184"/>
              <a:gd name="connsiteY1" fmla="*/ 778 h 1792006"/>
              <a:gd name="connsiteX2" fmla="*/ 1654578 w 2223184"/>
              <a:gd name="connsiteY2" fmla="*/ 899830 h 1792006"/>
              <a:gd name="connsiteX3" fmla="*/ 2221316 w 2223184"/>
              <a:gd name="connsiteY3" fmla="*/ 1785656 h 1792006"/>
              <a:gd name="connsiteX4" fmla="*/ 9928 w 2223184"/>
              <a:gd name="connsiteY4" fmla="*/ 1792006 h 1792006"/>
              <a:gd name="connsiteX5" fmla="*/ 6329 w 2223184"/>
              <a:gd name="connsiteY5" fmla="*/ 1759939 h 1792006"/>
              <a:gd name="connsiteX0" fmla="*/ 33312 w 2218417"/>
              <a:gd name="connsiteY0" fmla="*/ 1725014 h 1792006"/>
              <a:gd name="connsiteX1" fmla="*/ 1077782 w 2218417"/>
              <a:gd name="connsiteY1" fmla="*/ 778 h 1792006"/>
              <a:gd name="connsiteX2" fmla="*/ 1649811 w 2218417"/>
              <a:gd name="connsiteY2" fmla="*/ 899830 h 1792006"/>
              <a:gd name="connsiteX3" fmla="*/ 2216549 w 2218417"/>
              <a:gd name="connsiteY3" fmla="*/ 1785656 h 1792006"/>
              <a:gd name="connsiteX4" fmla="*/ 5161 w 2218417"/>
              <a:gd name="connsiteY4" fmla="*/ 1792006 h 1792006"/>
              <a:gd name="connsiteX5" fmla="*/ 33312 w 2218417"/>
              <a:gd name="connsiteY5" fmla="*/ 1725014 h 1792006"/>
              <a:gd name="connsiteX0" fmla="*/ 36005 w 2221110"/>
              <a:gd name="connsiteY0" fmla="*/ 1725014 h 1792006"/>
              <a:gd name="connsiteX1" fmla="*/ 1080475 w 2221110"/>
              <a:gd name="connsiteY1" fmla="*/ 778 h 1792006"/>
              <a:gd name="connsiteX2" fmla="*/ 1652504 w 2221110"/>
              <a:gd name="connsiteY2" fmla="*/ 899830 h 1792006"/>
              <a:gd name="connsiteX3" fmla="*/ 2219242 w 2221110"/>
              <a:gd name="connsiteY3" fmla="*/ 1785656 h 1792006"/>
              <a:gd name="connsiteX4" fmla="*/ 7854 w 2221110"/>
              <a:gd name="connsiteY4" fmla="*/ 1792006 h 1792006"/>
              <a:gd name="connsiteX5" fmla="*/ 36005 w 2221110"/>
              <a:gd name="connsiteY5" fmla="*/ 1725014 h 1792006"/>
              <a:gd name="connsiteX0" fmla="*/ 36005 w 2221110"/>
              <a:gd name="connsiteY0" fmla="*/ 1725014 h 1792006"/>
              <a:gd name="connsiteX1" fmla="*/ 1080475 w 2221110"/>
              <a:gd name="connsiteY1" fmla="*/ 778 h 1792006"/>
              <a:gd name="connsiteX2" fmla="*/ 1652504 w 2221110"/>
              <a:gd name="connsiteY2" fmla="*/ 899830 h 1792006"/>
              <a:gd name="connsiteX3" fmla="*/ 2219242 w 2221110"/>
              <a:gd name="connsiteY3" fmla="*/ 1785656 h 1792006"/>
              <a:gd name="connsiteX4" fmla="*/ 7854 w 2221110"/>
              <a:gd name="connsiteY4" fmla="*/ 1792006 h 1792006"/>
              <a:gd name="connsiteX5" fmla="*/ 36005 w 2221110"/>
              <a:gd name="connsiteY5" fmla="*/ 1725014 h 1792006"/>
              <a:gd name="connsiteX0" fmla="*/ 36005 w 2221284"/>
              <a:gd name="connsiteY0" fmla="*/ 1724996 h 1791988"/>
              <a:gd name="connsiteX1" fmla="*/ 1080475 w 2221284"/>
              <a:gd name="connsiteY1" fmla="*/ 760 h 1791988"/>
              <a:gd name="connsiteX2" fmla="*/ 1689675 w 2221284"/>
              <a:gd name="connsiteY2" fmla="*/ 914680 h 1791988"/>
              <a:gd name="connsiteX3" fmla="*/ 2219242 w 2221284"/>
              <a:gd name="connsiteY3" fmla="*/ 1785638 h 1791988"/>
              <a:gd name="connsiteX4" fmla="*/ 7854 w 2221284"/>
              <a:gd name="connsiteY4" fmla="*/ 1791988 h 1791988"/>
              <a:gd name="connsiteX5" fmla="*/ 36005 w 2221284"/>
              <a:gd name="connsiteY5" fmla="*/ 1724996 h 1791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21284" h="1791988">
                <a:moveTo>
                  <a:pt x="36005" y="1724996"/>
                </a:moveTo>
                <a:cubicBezTo>
                  <a:pt x="314312" y="1269842"/>
                  <a:pt x="1017222" y="59462"/>
                  <a:pt x="1080475" y="760"/>
                </a:cubicBezTo>
                <a:cubicBezTo>
                  <a:pt x="1113883" y="-25117"/>
                  <a:pt x="1497764" y="616671"/>
                  <a:pt x="1689675" y="914680"/>
                </a:cubicBezTo>
                <a:cubicBezTo>
                  <a:pt x="1881586" y="1212689"/>
                  <a:pt x="2252050" y="1786167"/>
                  <a:pt x="2219242" y="1785638"/>
                </a:cubicBezTo>
                <a:lnTo>
                  <a:pt x="7854" y="1791988"/>
                </a:lnTo>
                <a:cubicBezTo>
                  <a:pt x="-13454" y="1790824"/>
                  <a:pt x="12863" y="1767435"/>
                  <a:pt x="36005" y="1724996"/>
                </a:cubicBezTo>
                <a:close/>
              </a:path>
            </a:pathLst>
          </a:custGeom>
          <a:solidFill>
            <a:schemeClr val="tx1"/>
          </a:solidFill>
          <a:ln w="38100">
            <a:solidFill>
              <a:schemeClr val="bg1"/>
            </a:solidFill>
          </a:ln>
        </p:spPr>
        <p:txBody>
          <a:bodyPr lIns="144000" tIns="864000" rIns="144000" bIns="36000" anchor="t"/>
          <a:lstStyle>
            <a:lvl1pPr marL="0" indent="0" algn="ctr">
              <a:lnSpc>
                <a:spcPct val="90000"/>
              </a:lnSpc>
              <a:spcBef>
                <a:spcPts val="0"/>
              </a:spcBef>
              <a:buNone/>
              <a:defRPr spc="-40" baseline="0">
                <a:solidFill>
                  <a:schemeClr val="bg1"/>
                </a:solidFill>
              </a:defRPr>
            </a:lvl1pPr>
          </a:lstStyle>
          <a:p>
            <a:pPr lvl="0"/>
            <a:r>
              <a:rPr lang="en-GB"/>
              <a:t>Insert</a:t>
            </a:r>
            <a:br>
              <a:rPr lang="en-GB"/>
            </a:br>
            <a:r>
              <a:rPr lang="en-GB"/>
              <a:t>text</a:t>
            </a:r>
            <a:endParaRPr lang="en-FI"/>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0A0C470B-03E4-F041-B032-90ADDC651862}"/>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645224409"/>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Headline + Timeline/table placeholder">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7" name="Title Placeholder 1">
            <a:extLst>
              <a:ext uri="{FF2B5EF4-FFF2-40B4-BE49-F238E27FC236}">
                <a16:creationId xmlns:a16="http://schemas.microsoft.com/office/drawing/2014/main" id="{9D108029-AC05-8D6E-B7CF-B10A44F90936}"/>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6" name="Text Placeholder 3">
            <a:extLst>
              <a:ext uri="{FF2B5EF4-FFF2-40B4-BE49-F238E27FC236}">
                <a16:creationId xmlns:a16="http://schemas.microsoft.com/office/drawing/2014/main" id="{83A33975-D56E-1E50-5972-78EDF038FD05}"/>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5" name="Content Placeholder 6">
            <a:extLst>
              <a:ext uri="{FF2B5EF4-FFF2-40B4-BE49-F238E27FC236}">
                <a16:creationId xmlns:a16="http://schemas.microsoft.com/office/drawing/2014/main" id="{DE4BEA3E-4F81-1EB7-2989-7306D1F4DA1A}"/>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10" name="Content Placeholder 9">
            <a:extLst>
              <a:ext uri="{FF2B5EF4-FFF2-40B4-BE49-F238E27FC236}">
                <a16:creationId xmlns:a16="http://schemas.microsoft.com/office/drawing/2014/main" id="{F8FA1E7C-69D7-88B2-A885-C4A25881FE78}"/>
              </a:ext>
            </a:extLst>
          </p:cNvPr>
          <p:cNvSpPr>
            <a:spLocks noGrp="1"/>
          </p:cNvSpPr>
          <p:nvPr>
            <p:ph sz="quarter" idx="17" hasCustomPrompt="1"/>
          </p:nvPr>
        </p:nvSpPr>
        <p:spPr>
          <a:xfrm>
            <a:off x="695325" y="2349499"/>
            <a:ext cx="10801350" cy="3888000"/>
          </a:xfrm>
          <a:prstGeom prst="rect">
            <a:avLst/>
          </a:prstGeom>
        </p:spPr>
        <p:txBody>
          <a:bodyPr lIns="0" tIns="0" rIns="0" bIns="0"/>
          <a:lstStyle>
            <a:lvl1pPr marL="177800" indent="-171450">
              <a:tabLst/>
              <a:defRPr spc="-40" baseline="0"/>
            </a:lvl1pPr>
            <a:lvl2pPr marL="365125" indent="-182563">
              <a:tabLst/>
              <a:defRPr>
                <a:solidFill>
                  <a:schemeClr val="tx2"/>
                </a:solidFill>
              </a:defRPr>
            </a:lvl2pPr>
            <a:lvl3pPr marL="538163" indent="-173038">
              <a:tabLst/>
              <a:defRPr/>
            </a:lvl3pPr>
            <a:lvl4pPr marL="669925" indent="-131763">
              <a:tabLst/>
              <a:defRPr/>
            </a:lvl4pPr>
            <a:lvl5pPr marL="801688" indent="-131763">
              <a:tabLst/>
              <a:defRPr/>
            </a:lvl5pPr>
          </a:lstStyle>
          <a:p>
            <a:pPr lvl="0"/>
            <a:r>
              <a:rPr lang="en-GB"/>
              <a:t>Add table, text or something</a:t>
            </a:r>
          </a:p>
          <a:p>
            <a:pPr lvl="1"/>
            <a:r>
              <a:rPr lang="en-GB"/>
              <a:t>Second level</a:t>
            </a:r>
          </a:p>
          <a:p>
            <a:pPr lvl="2"/>
            <a:r>
              <a:rPr lang="en-GB"/>
              <a:t>Third level</a:t>
            </a:r>
          </a:p>
          <a:p>
            <a:pPr lvl="3"/>
            <a:r>
              <a:rPr lang="en-GB"/>
              <a:t>Fourth level</a:t>
            </a:r>
          </a:p>
          <a:p>
            <a:pPr lvl="4"/>
            <a:r>
              <a:rPr lang="en-GB"/>
              <a:t>Fifth level</a:t>
            </a:r>
            <a:endParaRPr lang="en-FI"/>
          </a:p>
        </p:txBody>
      </p:sp>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C7A05F3F-613D-C8F6-575F-F16C72DC563D}"/>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921271393"/>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am presentation 4">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2" name="Title Placeholder 1">
            <a:extLst>
              <a:ext uri="{FF2B5EF4-FFF2-40B4-BE49-F238E27FC236}">
                <a16:creationId xmlns:a16="http://schemas.microsoft.com/office/drawing/2014/main" id="{EEB47FE9-021F-995E-36AA-5123FBF1E473}"/>
              </a:ext>
            </a:extLst>
          </p:cNvPr>
          <p:cNvSpPr>
            <a:spLocks noGrp="1"/>
          </p:cNvSpPr>
          <p:nvPr>
            <p:ph type="title"/>
          </p:nvPr>
        </p:nvSpPr>
        <p:spPr>
          <a:xfrm>
            <a:off x="675005" y="620713"/>
            <a:ext cx="9001125" cy="1080000"/>
          </a:xfrm>
          <a:prstGeom prst="rect">
            <a:avLst/>
          </a:prstGeom>
        </p:spPr>
        <p:txBody>
          <a:bodyPr vert="horz" lIns="0" tIns="0" rIns="0" bIns="0" rtlCol="0" anchor="ctr" anchorCtr="0">
            <a:noAutofit/>
          </a:bodyPr>
          <a:lstStyle/>
          <a:p>
            <a:r>
              <a:rPr lang="en-GB" noProof="0"/>
              <a:t>Click to edit Master title style</a:t>
            </a:r>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C314DB5D-8558-AD92-0DC0-C9075EAAB8D5}"/>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6" name="Picture Placeholder 2">
            <a:extLst>
              <a:ext uri="{FF2B5EF4-FFF2-40B4-BE49-F238E27FC236}">
                <a16:creationId xmlns:a16="http://schemas.microsoft.com/office/drawing/2014/main" id="{3072ECB6-86CF-EA81-C52B-C2DEE994EB07}"/>
              </a:ext>
            </a:extLst>
          </p:cNvPr>
          <p:cNvSpPr>
            <a:spLocks noGrp="1"/>
          </p:cNvSpPr>
          <p:nvPr>
            <p:ph type="pic" sz="quarter" idx="27" hasCustomPrompt="1"/>
          </p:nvPr>
        </p:nvSpPr>
        <p:spPr>
          <a:xfrm>
            <a:off x="588330" y="2284413"/>
            <a:ext cx="1732127" cy="1663538"/>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lIns="0" tIns="0" rIns="0" bIns="0" anchor="ctr"/>
          <a:lstStyle>
            <a:lvl1pPr marL="0" indent="0" algn="ctr">
              <a:buNone/>
              <a:defRPr/>
            </a:lvl1pPr>
          </a:lstStyle>
          <a:p>
            <a:r>
              <a:rPr lang="en-GB"/>
              <a:t>I</a:t>
            </a:r>
            <a:r>
              <a:rPr lang="en-FI"/>
              <a:t>nsert image</a:t>
            </a:r>
          </a:p>
          <a:p>
            <a:endParaRPr lang="en-FI"/>
          </a:p>
        </p:txBody>
      </p:sp>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695325"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16" name="Text Placeholder 2">
            <a:extLst>
              <a:ext uri="{FF2B5EF4-FFF2-40B4-BE49-F238E27FC236}">
                <a16:creationId xmlns:a16="http://schemas.microsoft.com/office/drawing/2014/main" id="{18319B84-6EF4-65F0-63C8-70E85E0DF537}"/>
              </a:ext>
            </a:extLst>
          </p:cNvPr>
          <p:cNvSpPr>
            <a:spLocks noGrp="1"/>
          </p:cNvSpPr>
          <p:nvPr>
            <p:ph type="body" sz="quarter" idx="28" hasCustomPrompt="1"/>
          </p:nvPr>
        </p:nvSpPr>
        <p:spPr>
          <a:xfrm>
            <a:off x="695325"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hasCustomPrompt="1"/>
          </p:nvPr>
        </p:nvSpPr>
        <p:spPr>
          <a:xfrm>
            <a:off x="695325"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42" name="Picture Placeholder 41">
            <a:extLst>
              <a:ext uri="{FF2B5EF4-FFF2-40B4-BE49-F238E27FC236}">
                <a16:creationId xmlns:a16="http://schemas.microsoft.com/office/drawing/2014/main" id="{AEA880AD-95DE-E6F1-36B8-65B9F99B78B5}"/>
              </a:ext>
            </a:extLst>
          </p:cNvPr>
          <p:cNvSpPr>
            <a:spLocks noGrp="1"/>
          </p:cNvSpPr>
          <p:nvPr>
            <p:ph type="pic" sz="quarter" idx="41" hasCustomPrompt="1"/>
          </p:nvPr>
        </p:nvSpPr>
        <p:spPr>
          <a:xfrm>
            <a:off x="3351768" y="2283810"/>
            <a:ext cx="1711190" cy="1664145"/>
          </a:xfrm>
          <a:custGeom>
            <a:avLst/>
            <a:gdLst>
              <a:gd name="connsiteX0" fmla="*/ 0 w 1549400"/>
              <a:gd name="connsiteY0" fmla="*/ 696913 h 1393825"/>
              <a:gd name="connsiteX1" fmla="*/ 774700 w 1549400"/>
              <a:gd name="connsiteY1" fmla="*/ 0 h 1393825"/>
              <a:gd name="connsiteX2" fmla="*/ 1549400 w 1549400"/>
              <a:gd name="connsiteY2" fmla="*/ 696913 h 1393825"/>
              <a:gd name="connsiteX3" fmla="*/ 774700 w 1549400"/>
              <a:gd name="connsiteY3" fmla="*/ 1393826 h 1393825"/>
              <a:gd name="connsiteX4" fmla="*/ 0 w 1549400"/>
              <a:gd name="connsiteY4" fmla="*/ 696913 h 1393825"/>
              <a:gd name="connsiteX0" fmla="*/ 0 w 1471908"/>
              <a:gd name="connsiteY0" fmla="*/ 689168 h 1393833"/>
              <a:gd name="connsiteX1" fmla="*/ 697208 w 1471908"/>
              <a:gd name="connsiteY1" fmla="*/ 4 h 1393833"/>
              <a:gd name="connsiteX2" fmla="*/ 1471908 w 1471908"/>
              <a:gd name="connsiteY2" fmla="*/ 696917 h 1393833"/>
              <a:gd name="connsiteX3" fmla="*/ 697208 w 1471908"/>
              <a:gd name="connsiteY3" fmla="*/ 1393830 h 1393833"/>
              <a:gd name="connsiteX4" fmla="*/ 0 w 1471908"/>
              <a:gd name="connsiteY4" fmla="*/ 689168 h 1393833"/>
              <a:gd name="connsiteX0" fmla="*/ 0 w 1513183"/>
              <a:gd name="connsiteY0" fmla="*/ 685997 h 1393841"/>
              <a:gd name="connsiteX1" fmla="*/ 738483 w 1513183"/>
              <a:gd name="connsiteY1" fmla="*/ 8 h 1393841"/>
              <a:gd name="connsiteX2" fmla="*/ 1513183 w 1513183"/>
              <a:gd name="connsiteY2" fmla="*/ 696921 h 1393841"/>
              <a:gd name="connsiteX3" fmla="*/ 738483 w 1513183"/>
              <a:gd name="connsiteY3" fmla="*/ 1393834 h 1393841"/>
              <a:gd name="connsiteX4" fmla="*/ 0 w 1513183"/>
              <a:gd name="connsiteY4" fmla="*/ 685997 h 1393841"/>
              <a:gd name="connsiteX0" fmla="*/ 1023 w 1514206"/>
              <a:gd name="connsiteY0" fmla="*/ 685995 h 1504962"/>
              <a:gd name="connsiteX1" fmla="*/ 739506 w 1514206"/>
              <a:gd name="connsiteY1" fmla="*/ 6 h 1504962"/>
              <a:gd name="connsiteX2" fmla="*/ 1514206 w 1514206"/>
              <a:gd name="connsiteY2" fmla="*/ 696919 h 1504962"/>
              <a:gd name="connsiteX3" fmla="*/ 901431 w 1514206"/>
              <a:gd name="connsiteY3" fmla="*/ 1504957 h 1504962"/>
              <a:gd name="connsiteX4" fmla="*/ 1023 w 1514206"/>
              <a:gd name="connsiteY4" fmla="*/ 685995 h 1504962"/>
              <a:gd name="connsiteX0" fmla="*/ 1023 w 1514206"/>
              <a:gd name="connsiteY0" fmla="*/ 685995 h 1505000"/>
              <a:gd name="connsiteX1" fmla="*/ 739506 w 1514206"/>
              <a:gd name="connsiteY1" fmla="*/ 6 h 1505000"/>
              <a:gd name="connsiteX2" fmla="*/ 1514206 w 1514206"/>
              <a:gd name="connsiteY2" fmla="*/ 696919 h 1505000"/>
              <a:gd name="connsiteX3" fmla="*/ 901431 w 1514206"/>
              <a:gd name="connsiteY3" fmla="*/ 1504957 h 1505000"/>
              <a:gd name="connsiteX4" fmla="*/ 1023 w 1514206"/>
              <a:gd name="connsiteY4" fmla="*/ 685995 h 1505000"/>
              <a:gd name="connsiteX0" fmla="*/ 1316 w 1514499"/>
              <a:gd name="connsiteY0" fmla="*/ 685995 h 1457380"/>
              <a:gd name="connsiteX1" fmla="*/ 739799 w 1514499"/>
              <a:gd name="connsiteY1" fmla="*/ 6 h 1457380"/>
              <a:gd name="connsiteX2" fmla="*/ 1514499 w 1514499"/>
              <a:gd name="connsiteY2" fmla="*/ 696919 h 1457380"/>
              <a:gd name="connsiteX3" fmla="*/ 660424 w 1514499"/>
              <a:gd name="connsiteY3" fmla="*/ 1457332 h 1457380"/>
              <a:gd name="connsiteX4" fmla="*/ 1316 w 1514499"/>
              <a:gd name="connsiteY4" fmla="*/ 685995 h 1457380"/>
              <a:gd name="connsiteX0" fmla="*/ 1185 w 1514368"/>
              <a:gd name="connsiteY0" fmla="*/ 685995 h 1474654"/>
              <a:gd name="connsiteX1" fmla="*/ 739668 w 1514368"/>
              <a:gd name="connsiteY1" fmla="*/ 6 h 1474654"/>
              <a:gd name="connsiteX2" fmla="*/ 1514368 w 1514368"/>
              <a:gd name="connsiteY2" fmla="*/ 696919 h 1474654"/>
              <a:gd name="connsiteX3" fmla="*/ 660293 w 1514368"/>
              <a:gd name="connsiteY3" fmla="*/ 1457332 h 1474654"/>
              <a:gd name="connsiteX4" fmla="*/ 1185 w 1514368"/>
              <a:gd name="connsiteY4" fmla="*/ 685995 h 1474654"/>
              <a:gd name="connsiteX0" fmla="*/ 1989 w 1515172"/>
              <a:gd name="connsiteY0" fmla="*/ 685995 h 1505532"/>
              <a:gd name="connsiteX1" fmla="*/ 740472 w 1515172"/>
              <a:gd name="connsiteY1" fmla="*/ 6 h 1505532"/>
              <a:gd name="connsiteX2" fmla="*/ 1515172 w 1515172"/>
              <a:gd name="connsiteY2" fmla="*/ 696919 h 1505532"/>
              <a:gd name="connsiteX3" fmla="*/ 642047 w 1515172"/>
              <a:gd name="connsiteY3" fmla="*/ 1489082 h 1505532"/>
              <a:gd name="connsiteX4" fmla="*/ 1989 w 1515172"/>
              <a:gd name="connsiteY4" fmla="*/ 685995 h 1505532"/>
              <a:gd name="connsiteX0" fmla="*/ 2648 w 1515831"/>
              <a:gd name="connsiteY0" fmla="*/ 685995 h 1509414"/>
              <a:gd name="connsiteX1" fmla="*/ 741131 w 1515831"/>
              <a:gd name="connsiteY1" fmla="*/ 6 h 1509414"/>
              <a:gd name="connsiteX2" fmla="*/ 1515831 w 1515831"/>
              <a:gd name="connsiteY2" fmla="*/ 696919 h 1509414"/>
              <a:gd name="connsiteX3" fmla="*/ 642706 w 1515831"/>
              <a:gd name="connsiteY3" fmla="*/ 1489082 h 1509414"/>
              <a:gd name="connsiteX4" fmla="*/ 2648 w 1515831"/>
              <a:gd name="connsiteY4" fmla="*/ 685995 h 1509414"/>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840 w 1552123"/>
              <a:gd name="connsiteY0" fmla="*/ 756531 h 1559983"/>
              <a:gd name="connsiteX1" fmla="*/ 771073 w 1552123"/>
              <a:gd name="connsiteY1" fmla="*/ 692 h 1559983"/>
              <a:gd name="connsiteX2" fmla="*/ 1552123 w 1552123"/>
              <a:gd name="connsiteY2" fmla="*/ 656330 h 1559983"/>
              <a:gd name="connsiteX3" fmla="*/ 640898 w 1552123"/>
              <a:gd name="connsiteY3" fmla="*/ 1559618 h 1559983"/>
              <a:gd name="connsiteX4" fmla="*/ 840 w 1552123"/>
              <a:gd name="connsiteY4" fmla="*/ 756531 h 1559983"/>
              <a:gd name="connsiteX0" fmla="*/ 840 w 1552123"/>
              <a:gd name="connsiteY0" fmla="*/ 755841 h 1559293"/>
              <a:gd name="connsiteX1" fmla="*/ 771073 w 1552123"/>
              <a:gd name="connsiteY1" fmla="*/ 2 h 1559293"/>
              <a:gd name="connsiteX2" fmla="*/ 1552123 w 1552123"/>
              <a:gd name="connsiteY2" fmla="*/ 655640 h 1559293"/>
              <a:gd name="connsiteX3" fmla="*/ 640898 w 1552123"/>
              <a:gd name="connsiteY3" fmla="*/ 1558928 h 1559293"/>
              <a:gd name="connsiteX4" fmla="*/ 840 w 1552123"/>
              <a:gd name="connsiteY4" fmla="*/ 755841 h 1559293"/>
              <a:gd name="connsiteX0" fmla="*/ 462 w 1551745"/>
              <a:gd name="connsiteY0" fmla="*/ 746316 h 1549767"/>
              <a:gd name="connsiteX1" fmla="*/ 735770 w 1551745"/>
              <a:gd name="connsiteY1" fmla="*/ 2 h 1549767"/>
              <a:gd name="connsiteX2" fmla="*/ 1551745 w 1551745"/>
              <a:gd name="connsiteY2" fmla="*/ 646115 h 1549767"/>
              <a:gd name="connsiteX3" fmla="*/ 640520 w 1551745"/>
              <a:gd name="connsiteY3" fmla="*/ 1549403 h 1549767"/>
              <a:gd name="connsiteX4" fmla="*/ 462 w 1551745"/>
              <a:gd name="connsiteY4" fmla="*/ 746316 h 1549767"/>
              <a:gd name="connsiteX0" fmla="*/ 462 w 1551745"/>
              <a:gd name="connsiteY0" fmla="*/ 759015 h 1562467"/>
              <a:gd name="connsiteX1" fmla="*/ 735770 w 1551745"/>
              <a:gd name="connsiteY1" fmla="*/ 1 h 1562467"/>
              <a:gd name="connsiteX2" fmla="*/ 1551745 w 1551745"/>
              <a:gd name="connsiteY2" fmla="*/ 658814 h 1562467"/>
              <a:gd name="connsiteX3" fmla="*/ 640520 w 1551745"/>
              <a:gd name="connsiteY3" fmla="*/ 1562102 h 1562467"/>
              <a:gd name="connsiteX4" fmla="*/ 462 w 1551745"/>
              <a:gd name="connsiteY4" fmla="*/ 759015 h 1562467"/>
              <a:gd name="connsiteX0" fmla="*/ 462 w 1551745"/>
              <a:gd name="connsiteY0" fmla="*/ 759022 h 1562474"/>
              <a:gd name="connsiteX1" fmla="*/ 735770 w 1551745"/>
              <a:gd name="connsiteY1" fmla="*/ 8 h 1562474"/>
              <a:gd name="connsiteX2" fmla="*/ 1551745 w 1551745"/>
              <a:gd name="connsiteY2" fmla="*/ 658821 h 1562474"/>
              <a:gd name="connsiteX3" fmla="*/ 640520 w 1551745"/>
              <a:gd name="connsiteY3" fmla="*/ 1562109 h 1562474"/>
              <a:gd name="connsiteX4" fmla="*/ 462 w 1551745"/>
              <a:gd name="connsiteY4" fmla="*/ 759022 h 1562474"/>
              <a:gd name="connsiteX0" fmla="*/ 2063 w 1553346"/>
              <a:gd name="connsiteY0" fmla="*/ 759026 h 1562629"/>
              <a:gd name="connsiteX1" fmla="*/ 737371 w 1553346"/>
              <a:gd name="connsiteY1" fmla="*/ 12 h 1562629"/>
              <a:gd name="connsiteX2" fmla="*/ 1553346 w 1553346"/>
              <a:gd name="connsiteY2" fmla="*/ 658825 h 1562629"/>
              <a:gd name="connsiteX3" fmla="*/ 642121 w 1553346"/>
              <a:gd name="connsiteY3" fmla="*/ 1562113 h 1562629"/>
              <a:gd name="connsiteX4" fmla="*/ 2063 w 1553346"/>
              <a:gd name="connsiteY4" fmla="*/ 759026 h 1562629"/>
              <a:gd name="connsiteX0" fmla="*/ 2063 w 1553346"/>
              <a:gd name="connsiteY0" fmla="*/ 804829 h 1564628"/>
              <a:gd name="connsiteX1" fmla="*/ 737371 w 1553346"/>
              <a:gd name="connsiteY1" fmla="*/ 1365 h 1564628"/>
              <a:gd name="connsiteX2" fmla="*/ 1553346 w 1553346"/>
              <a:gd name="connsiteY2" fmla="*/ 660178 h 1564628"/>
              <a:gd name="connsiteX3" fmla="*/ 642121 w 1553346"/>
              <a:gd name="connsiteY3" fmla="*/ 1563466 h 1564628"/>
              <a:gd name="connsiteX4" fmla="*/ 2063 w 1553346"/>
              <a:gd name="connsiteY4" fmla="*/ 804829 h 1564628"/>
              <a:gd name="connsiteX0" fmla="*/ 2 w 1551285"/>
              <a:gd name="connsiteY0" fmla="*/ 804829 h 1583299"/>
              <a:gd name="connsiteX1" fmla="*/ 735310 w 1551285"/>
              <a:gd name="connsiteY1" fmla="*/ 1365 h 1583299"/>
              <a:gd name="connsiteX2" fmla="*/ 1551285 w 1551285"/>
              <a:gd name="connsiteY2" fmla="*/ 660178 h 1583299"/>
              <a:gd name="connsiteX3" fmla="*/ 741660 w 1551285"/>
              <a:gd name="connsiteY3" fmla="*/ 1582516 h 1583299"/>
              <a:gd name="connsiteX4" fmla="*/ 2 w 1551285"/>
              <a:gd name="connsiteY4" fmla="*/ 804829 h 1583299"/>
              <a:gd name="connsiteX0" fmla="*/ 2 w 1551285"/>
              <a:gd name="connsiteY0" fmla="*/ 804829 h 1584435"/>
              <a:gd name="connsiteX1" fmla="*/ 735310 w 1551285"/>
              <a:gd name="connsiteY1" fmla="*/ 1365 h 1584435"/>
              <a:gd name="connsiteX2" fmla="*/ 1551285 w 1551285"/>
              <a:gd name="connsiteY2" fmla="*/ 660178 h 1584435"/>
              <a:gd name="connsiteX3" fmla="*/ 741660 w 1551285"/>
              <a:gd name="connsiteY3" fmla="*/ 1582516 h 1584435"/>
              <a:gd name="connsiteX4" fmla="*/ 2 w 1551285"/>
              <a:gd name="connsiteY4" fmla="*/ 804829 h 1584435"/>
              <a:gd name="connsiteX0" fmla="*/ 1788 w 1553071"/>
              <a:gd name="connsiteY0" fmla="*/ 804829 h 1514463"/>
              <a:gd name="connsiteX1" fmla="*/ 737096 w 1553071"/>
              <a:gd name="connsiteY1" fmla="*/ 1365 h 1514463"/>
              <a:gd name="connsiteX2" fmla="*/ 1553071 w 1553071"/>
              <a:gd name="connsiteY2" fmla="*/ 660178 h 1514463"/>
              <a:gd name="connsiteX3" fmla="*/ 610096 w 1553071"/>
              <a:gd name="connsiteY3" fmla="*/ 1506316 h 1514463"/>
              <a:gd name="connsiteX4" fmla="*/ 1788 w 1553071"/>
              <a:gd name="connsiteY4" fmla="*/ 804829 h 1514463"/>
              <a:gd name="connsiteX0" fmla="*/ 1233 w 1552516"/>
              <a:gd name="connsiteY0" fmla="*/ 804829 h 1550326"/>
              <a:gd name="connsiteX1" fmla="*/ 736541 w 1552516"/>
              <a:gd name="connsiteY1" fmla="*/ 1365 h 1550326"/>
              <a:gd name="connsiteX2" fmla="*/ 1552516 w 1552516"/>
              <a:gd name="connsiteY2" fmla="*/ 660178 h 1550326"/>
              <a:gd name="connsiteX3" fmla="*/ 609541 w 1552516"/>
              <a:gd name="connsiteY3" fmla="*/ 1506316 h 1550326"/>
              <a:gd name="connsiteX4" fmla="*/ 1233 w 1552516"/>
              <a:gd name="connsiteY4" fmla="*/ 804829 h 1550326"/>
              <a:gd name="connsiteX0" fmla="*/ 3413 w 1554696"/>
              <a:gd name="connsiteY0" fmla="*/ 804829 h 1571676"/>
              <a:gd name="connsiteX1" fmla="*/ 738721 w 1554696"/>
              <a:gd name="connsiteY1" fmla="*/ 1365 h 1571676"/>
              <a:gd name="connsiteX2" fmla="*/ 1554696 w 1554696"/>
              <a:gd name="connsiteY2" fmla="*/ 660178 h 1571676"/>
              <a:gd name="connsiteX3" fmla="*/ 545046 w 1554696"/>
              <a:gd name="connsiteY3" fmla="*/ 1531716 h 1571676"/>
              <a:gd name="connsiteX4" fmla="*/ 3413 w 1554696"/>
              <a:gd name="connsiteY4" fmla="*/ 804829 h 1571676"/>
              <a:gd name="connsiteX0" fmla="*/ 3413 w 1554696"/>
              <a:gd name="connsiteY0" fmla="*/ 805962 h 1572809"/>
              <a:gd name="connsiteX1" fmla="*/ 738721 w 1554696"/>
              <a:gd name="connsiteY1" fmla="*/ 2498 h 1572809"/>
              <a:gd name="connsiteX2" fmla="*/ 1554696 w 1554696"/>
              <a:gd name="connsiteY2" fmla="*/ 661311 h 1572809"/>
              <a:gd name="connsiteX3" fmla="*/ 545046 w 1554696"/>
              <a:gd name="connsiteY3" fmla="*/ 1532849 h 1572809"/>
              <a:gd name="connsiteX4" fmla="*/ 3413 w 1554696"/>
              <a:gd name="connsiteY4" fmla="*/ 805962 h 1572809"/>
              <a:gd name="connsiteX0" fmla="*/ 2 w 1551285"/>
              <a:gd name="connsiteY0" fmla="*/ 806365 h 1573212"/>
              <a:gd name="connsiteX1" fmla="*/ 735310 w 1551285"/>
              <a:gd name="connsiteY1" fmla="*/ 2901 h 1573212"/>
              <a:gd name="connsiteX2" fmla="*/ 1551285 w 1551285"/>
              <a:gd name="connsiteY2" fmla="*/ 661714 h 1573212"/>
              <a:gd name="connsiteX3" fmla="*/ 541635 w 1551285"/>
              <a:gd name="connsiteY3" fmla="*/ 1533252 h 1573212"/>
              <a:gd name="connsiteX4" fmla="*/ 2 w 1551285"/>
              <a:gd name="connsiteY4" fmla="*/ 806365 h 1573212"/>
              <a:gd name="connsiteX0" fmla="*/ 3127 w 1554410"/>
              <a:gd name="connsiteY0" fmla="*/ 809127 h 1575974"/>
              <a:gd name="connsiteX1" fmla="*/ 728910 w 1554410"/>
              <a:gd name="connsiteY1" fmla="*/ 2488 h 1575974"/>
              <a:gd name="connsiteX2" fmla="*/ 1554410 w 1554410"/>
              <a:gd name="connsiteY2" fmla="*/ 664476 h 1575974"/>
              <a:gd name="connsiteX3" fmla="*/ 544760 w 1554410"/>
              <a:gd name="connsiteY3" fmla="*/ 1536014 h 1575974"/>
              <a:gd name="connsiteX4" fmla="*/ 3127 w 1554410"/>
              <a:gd name="connsiteY4" fmla="*/ 809127 h 1575974"/>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538 w 1551821"/>
              <a:gd name="connsiteY0" fmla="*/ 806923 h 1573770"/>
              <a:gd name="connsiteX1" fmla="*/ 726321 w 1551821"/>
              <a:gd name="connsiteY1" fmla="*/ 284 h 1573770"/>
              <a:gd name="connsiteX2" fmla="*/ 1551821 w 1551821"/>
              <a:gd name="connsiteY2" fmla="*/ 662272 h 1573770"/>
              <a:gd name="connsiteX3" fmla="*/ 542171 w 1551821"/>
              <a:gd name="connsiteY3" fmla="*/ 1533810 h 1573770"/>
              <a:gd name="connsiteX4" fmla="*/ 538 w 1551821"/>
              <a:gd name="connsiteY4" fmla="*/ 806923 h 15737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51821" h="1573770">
                <a:moveTo>
                  <a:pt x="538" y="806923"/>
                </a:moveTo>
                <a:cubicBezTo>
                  <a:pt x="12180" y="491010"/>
                  <a:pt x="185199" y="-13707"/>
                  <a:pt x="726321" y="284"/>
                </a:cubicBezTo>
                <a:cubicBezTo>
                  <a:pt x="1267443" y="14275"/>
                  <a:pt x="1551821" y="277378"/>
                  <a:pt x="1551821" y="662272"/>
                </a:cubicBezTo>
                <a:cubicBezTo>
                  <a:pt x="1494671" y="1644066"/>
                  <a:pt x="918193" y="1624001"/>
                  <a:pt x="542171" y="1533810"/>
                </a:cubicBezTo>
                <a:cubicBezTo>
                  <a:pt x="166149" y="1443619"/>
                  <a:pt x="-11104" y="1122836"/>
                  <a:pt x="538" y="806923"/>
                </a:cubicBezTo>
                <a:close/>
              </a:path>
            </a:pathLst>
          </a:custGeom>
          <a:solidFill>
            <a:schemeClr val="bg2"/>
          </a:solidFill>
        </p:spPr>
        <p:txBody>
          <a:bodyPr lIns="0" tIns="0" rIns="0" bIns="0" anchor="ctr"/>
          <a:lstStyle>
            <a:lvl1pPr marL="0" indent="0" algn="ctr">
              <a:buNone/>
              <a:defRPr/>
            </a:lvl1pPr>
          </a:lstStyle>
          <a:p>
            <a:r>
              <a:rPr lang="en-FI"/>
              <a:t>Insert Image</a:t>
            </a:r>
          </a:p>
          <a:p>
            <a:endParaRPr lang="en-FI"/>
          </a:p>
        </p:txBody>
      </p:sp>
      <p:sp>
        <p:nvSpPr>
          <p:cNvPr id="22" name="Text Placeholder 10">
            <a:extLst>
              <a:ext uri="{FF2B5EF4-FFF2-40B4-BE49-F238E27FC236}">
                <a16:creationId xmlns:a16="http://schemas.microsoft.com/office/drawing/2014/main" id="{B8E87A54-7645-F237-EFDA-4F0FFDAD77A9}"/>
              </a:ext>
            </a:extLst>
          </p:cNvPr>
          <p:cNvSpPr>
            <a:spLocks noGrp="1"/>
          </p:cNvSpPr>
          <p:nvPr>
            <p:ph type="body" sz="quarter" idx="30" hasCustomPrompt="1"/>
          </p:nvPr>
        </p:nvSpPr>
        <p:spPr>
          <a:xfrm>
            <a:off x="3443926"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24" name="Text Placeholder 2">
            <a:extLst>
              <a:ext uri="{FF2B5EF4-FFF2-40B4-BE49-F238E27FC236}">
                <a16:creationId xmlns:a16="http://schemas.microsoft.com/office/drawing/2014/main" id="{A91D44D4-0525-3962-A821-9DF0908471B9}"/>
              </a:ext>
            </a:extLst>
          </p:cNvPr>
          <p:cNvSpPr>
            <a:spLocks noGrp="1"/>
          </p:cNvSpPr>
          <p:nvPr>
            <p:ph type="body" sz="quarter" idx="32" hasCustomPrompt="1"/>
          </p:nvPr>
        </p:nvSpPr>
        <p:spPr>
          <a:xfrm>
            <a:off x="3443926"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21" name="Text Placeholder 2">
            <a:extLst>
              <a:ext uri="{FF2B5EF4-FFF2-40B4-BE49-F238E27FC236}">
                <a16:creationId xmlns:a16="http://schemas.microsoft.com/office/drawing/2014/main" id="{3E149219-18D9-B318-4784-5FD17FD4C6F1}"/>
              </a:ext>
            </a:extLst>
          </p:cNvPr>
          <p:cNvSpPr>
            <a:spLocks noGrp="1"/>
          </p:cNvSpPr>
          <p:nvPr>
            <p:ph type="body" sz="quarter" idx="29" hasCustomPrompt="1"/>
          </p:nvPr>
        </p:nvSpPr>
        <p:spPr>
          <a:xfrm>
            <a:off x="3443926"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27" name="Picture Placeholder 2">
            <a:extLst>
              <a:ext uri="{FF2B5EF4-FFF2-40B4-BE49-F238E27FC236}">
                <a16:creationId xmlns:a16="http://schemas.microsoft.com/office/drawing/2014/main" id="{9A1FE67A-11D0-E41C-8A5F-78469AFC7240}"/>
              </a:ext>
            </a:extLst>
          </p:cNvPr>
          <p:cNvSpPr>
            <a:spLocks noGrp="1"/>
          </p:cNvSpPr>
          <p:nvPr>
            <p:ph type="pic" sz="quarter" idx="35" hasCustomPrompt="1"/>
          </p:nvPr>
        </p:nvSpPr>
        <p:spPr>
          <a:xfrm>
            <a:off x="6085532" y="2284413"/>
            <a:ext cx="1732127" cy="1663538"/>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lIns="0" tIns="0" rIns="0" bIns="0" anchor="ctr"/>
          <a:lstStyle>
            <a:lvl1pPr marL="0" indent="0" algn="ctr">
              <a:buNone/>
              <a:defRPr/>
            </a:lvl1pPr>
          </a:lstStyle>
          <a:p>
            <a:r>
              <a:rPr lang="en-GB"/>
              <a:t>I</a:t>
            </a:r>
            <a:r>
              <a:rPr lang="en-FI"/>
              <a:t>nsert image</a:t>
            </a:r>
          </a:p>
          <a:p>
            <a:endParaRPr lang="en-FI"/>
          </a:p>
        </p:txBody>
      </p:sp>
      <p:sp>
        <p:nvSpPr>
          <p:cNvPr id="26" name="Text Placeholder 10">
            <a:extLst>
              <a:ext uri="{FF2B5EF4-FFF2-40B4-BE49-F238E27FC236}">
                <a16:creationId xmlns:a16="http://schemas.microsoft.com/office/drawing/2014/main" id="{1ECA5D47-D7DB-4378-DFA3-E9B99AD81B6F}"/>
              </a:ext>
            </a:extLst>
          </p:cNvPr>
          <p:cNvSpPr>
            <a:spLocks noGrp="1"/>
          </p:cNvSpPr>
          <p:nvPr>
            <p:ph type="body" sz="quarter" idx="34" hasCustomPrompt="1"/>
          </p:nvPr>
        </p:nvSpPr>
        <p:spPr>
          <a:xfrm>
            <a:off x="6192527"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28" name="Text Placeholder 2">
            <a:extLst>
              <a:ext uri="{FF2B5EF4-FFF2-40B4-BE49-F238E27FC236}">
                <a16:creationId xmlns:a16="http://schemas.microsoft.com/office/drawing/2014/main" id="{6E7BF62F-1AAE-5920-508F-7CC2D2F231F4}"/>
              </a:ext>
            </a:extLst>
          </p:cNvPr>
          <p:cNvSpPr>
            <a:spLocks noGrp="1"/>
          </p:cNvSpPr>
          <p:nvPr>
            <p:ph type="body" sz="quarter" idx="36" hasCustomPrompt="1"/>
          </p:nvPr>
        </p:nvSpPr>
        <p:spPr>
          <a:xfrm>
            <a:off x="6192527"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25" name="Text Placeholder 2">
            <a:extLst>
              <a:ext uri="{FF2B5EF4-FFF2-40B4-BE49-F238E27FC236}">
                <a16:creationId xmlns:a16="http://schemas.microsoft.com/office/drawing/2014/main" id="{9C3D3404-3FD6-E13D-DA3C-DC3DA19C48A6}"/>
              </a:ext>
            </a:extLst>
          </p:cNvPr>
          <p:cNvSpPr>
            <a:spLocks noGrp="1"/>
          </p:cNvSpPr>
          <p:nvPr>
            <p:ph type="body" sz="quarter" idx="33" hasCustomPrompt="1"/>
          </p:nvPr>
        </p:nvSpPr>
        <p:spPr>
          <a:xfrm>
            <a:off x="6192527"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46" name="Picture Placeholder 41">
            <a:extLst>
              <a:ext uri="{FF2B5EF4-FFF2-40B4-BE49-F238E27FC236}">
                <a16:creationId xmlns:a16="http://schemas.microsoft.com/office/drawing/2014/main" id="{47DF4A8F-C8D2-1EAF-2C2B-760E504038F3}"/>
              </a:ext>
            </a:extLst>
          </p:cNvPr>
          <p:cNvSpPr>
            <a:spLocks noGrp="1"/>
          </p:cNvSpPr>
          <p:nvPr>
            <p:ph type="pic" sz="quarter" idx="42" hasCustomPrompt="1"/>
          </p:nvPr>
        </p:nvSpPr>
        <p:spPr>
          <a:xfrm>
            <a:off x="8852568" y="2283810"/>
            <a:ext cx="1711190" cy="1664145"/>
          </a:xfrm>
          <a:custGeom>
            <a:avLst/>
            <a:gdLst>
              <a:gd name="connsiteX0" fmla="*/ 0 w 1549400"/>
              <a:gd name="connsiteY0" fmla="*/ 696913 h 1393825"/>
              <a:gd name="connsiteX1" fmla="*/ 774700 w 1549400"/>
              <a:gd name="connsiteY1" fmla="*/ 0 h 1393825"/>
              <a:gd name="connsiteX2" fmla="*/ 1549400 w 1549400"/>
              <a:gd name="connsiteY2" fmla="*/ 696913 h 1393825"/>
              <a:gd name="connsiteX3" fmla="*/ 774700 w 1549400"/>
              <a:gd name="connsiteY3" fmla="*/ 1393826 h 1393825"/>
              <a:gd name="connsiteX4" fmla="*/ 0 w 1549400"/>
              <a:gd name="connsiteY4" fmla="*/ 696913 h 1393825"/>
              <a:gd name="connsiteX0" fmla="*/ 0 w 1471908"/>
              <a:gd name="connsiteY0" fmla="*/ 689168 h 1393833"/>
              <a:gd name="connsiteX1" fmla="*/ 697208 w 1471908"/>
              <a:gd name="connsiteY1" fmla="*/ 4 h 1393833"/>
              <a:gd name="connsiteX2" fmla="*/ 1471908 w 1471908"/>
              <a:gd name="connsiteY2" fmla="*/ 696917 h 1393833"/>
              <a:gd name="connsiteX3" fmla="*/ 697208 w 1471908"/>
              <a:gd name="connsiteY3" fmla="*/ 1393830 h 1393833"/>
              <a:gd name="connsiteX4" fmla="*/ 0 w 1471908"/>
              <a:gd name="connsiteY4" fmla="*/ 689168 h 1393833"/>
              <a:gd name="connsiteX0" fmla="*/ 0 w 1513183"/>
              <a:gd name="connsiteY0" fmla="*/ 685997 h 1393841"/>
              <a:gd name="connsiteX1" fmla="*/ 738483 w 1513183"/>
              <a:gd name="connsiteY1" fmla="*/ 8 h 1393841"/>
              <a:gd name="connsiteX2" fmla="*/ 1513183 w 1513183"/>
              <a:gd name="connsiteY2" fmla="*/ 696921 h 1393841"/>
              <a:gd name="connsiteX3" fmla="*/ 738483 w 1513183"/>
              <a:gd name="connsiteY3" fmla="*/ 1393834 h 1393841"/>
              <a:gd name="connsiteX4" fmla="*/ 0 w 1513183"/>
              <a:gd name="connsiteY4" fmla="*/ 685997 h 1393841"/>
              <a:gd name="connsiteX0" fmla="*/ 1023 w 1514206"/>
              <a:gd name="connsiteY0" fmla="*/ 685995 h 1504962"/>
              <a:gd name="connsiteX1" fmla="*/ 739506 w 1514206"/>
              <a:gd name="connsiteY1" fmla="*/ 6 h 1504962"/>
              <a:gd name="connsiteX2" fmla="*/ 1514206 w 1514206"/>
              <a:gd name="connsiteY2" fmla="*/ 696919 h 1504962"/>
              <a:gd name="connsiteX3" fmla="*/ 901431 w 1514206"/>
              <a:gd name="connsiteY3" fmla="*/ 1504957 h 1504962"/>
              <a:gd name="connsiteX4" fmla="*/ 1023 w 1514206"/>
              <a:gd name="connsiteY4" fmla="*/ 685995 h 1504962"/>
              <a:gd name="connsiteX0" fmla="*/ 1023 w 1514206"/>
              <a:gd name="connsiteY0" fmla="*/ 685995 h 1505000"/>
              <a:gd name="connsiteX1" fmla="*/ 739506 w 1514206"/>
              <a:gd name="connsiteY1" fmla="*/ 6 h 1505000"/>
              <a:gd name="connsiteX2" fmla="*/ 1514206 w 1514206"/>
              <a:gd name="connsiteY2" fmla="*/ 696919 h 1505000"/>
              <a:gd name="connsiteX3" fmla="*/ 901431 w 1514206"/>
              <a:gd name="connsiteY3" fmla="*/ 1504957 h 1505000"/>
              <a:gd name="connsiteX4" fmla="*/ 1023 w 1514206"/>
              <a:gd name="connsiteY4" fmla="*/ 685995 h 1505000"/>
              <a:gd name="connsiteX0" fmla="*/ 1316 w 1514499"/>
              <a:gd name="connsiteY0" fmla="*/ 685995 h 1457380"/>
              <a:gd name="connsiteX1" fmla="*/ 739799 w 1514499"/>
              <a:gd name="connsiteY1" fmla="*/ 6 h 1457380"/>
              <a:gd name="connsiteX2" fmla="*/ 1514499 w 1514499"/>
              <a:gd name="connsiteY2" fmla="*/ 696919 h 1457380"/>
              <a:gd name="connsiteX3" fmla="*/ 660424 w 1514499"/>
              <a:gd name="connsiteY3" fmla="*/ 1457332 h 1457380"/>
              <a:gd name="connsiteX4" fmla="*/ 1316 w 1514499"/>
              <a:gd name="connsiteY4" fmla="*/ 685995 h 1457380"/>
              <a:gd name="connsiteX0" fmla="*/ 1185 w 1514368"/>
              <a:gd name="connsiteY0" fmla="*/ 685995 h 1474654"/>
              <a:gd name="connsiteX1" fmla="*/ 739668 w 1514368"/>
              <a:gd name="connsiteY1" fmla="*/ 6 h 1474654"/>
              <a:gd name="connsiteX2" fmla="*/ 1514368 w 1514368"/>
              <a:gd name="connsiteY2" fmla="*/ 696919 h 1474654"/>
              <a:gd name="connsiteX3" fmla="*/ 660293 w 1514368"/>
              <a:gd name="connsiteY3" fmla="*/ 1457332 h 1474654"/>
              <a:gd name="connsiteX4" fmla="*/ 1185 w 1514368"/>
              <a:gd name="connsiteY4" fmla="*/ 685995 h 1474654"/>
              <a:gd name="connsiteX0" fmla="*/ 1989 w 1515172"/>
              <a:gd name="connsiteY0" fmla="*/ 685995 h 1505532"/>
              <a:gd name="connsiteX1" fmla="*/ 740472 w 1515172"/>
              <a:gd name="connsiteY1" fmla="*/ 6 h 1505532"/>
              <a:gd name="connsiteX2" fmla="*/ 1515172 w 1515172"/>
              <a:gd name="connsiteY2" fmla="*/ 696919 h 1505532"/>
              <a:gd name="connsiteX3" fmla="*/ 642047 w 1515172"/>
              <a:gd name="connsiteY3" fmla="*/ 1489082 h 1505532"/>
              <a:gd name="connsiteX4" fmla="*/ 1989 w 1515172"/>
              <a:gd name="connsiteY4" fmla="*/ 685995 h 1505532"/>
              <a:gd name="connsiteX0" fmla="*/ 2648 w 1515831"/>
              <a:gd name="connsiteY0" fmla="*/ 685995 h 1509414"/>
              <a:gd name="connsiteX1" fmla="*/ 741131 w 1515831"/>
              <a:gd name="connsiteY1" fmla="*/ 6 h 1509414"/>
              <a:gd name="connsiteX2" fmla="*/ 1515831 w 1515831"/>
              <a:gd name="connsiteY2" fmla="*/ 696919 h 1509414"/>
              <a:gd name="connsiteX3" fmla="*/ 642706 w 1515831"/>
              <a:gd name="connsiteY3" fmla="*/ 1489082 h 1509414"/>
              <a:gd name="connsiteX4" fmla="*/ 2648 w 1515831"/>
              <a:gd name="connsiteY4" fmla="*/ 685995 h 1509414"/>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840 w 1552123"/>
              <a:gd name="connsiteY0" fmla="*/ 756531 h 1559983"/>
              <a:gd name="connsiteX1" fmla="*/ 771073 w 1552123"/>
              <a:gd name="connsiteY1" fmla="*/ 692 h 1559983"/>
              <a:gd name="connsiteX2" fmla="*/ 1552123 w 1552123"/>
              <a:gd name="connsiteY2" fmla="*/ 656330 h 1559983"/>
              <a:gd name="connsiteX3" fmla="*/ 640898 w 1552123"/>
              <a:gd name="connsiteY3" fmla="*/ 1559618 h 1559983"/>
              <a:gd name="connsiteX4" fmla="*/ 840 w 1552123"/>
              <a:gd name="connsiteY4" fmla="*/ 756531 h 1559983"/>
              <a:gd name="connsiteX0" fmla="*/ 840 w 1552123"/>
              <a:gd name="connsiteY0" fmla="*/ 755841 h 1559293"/>
              <a:gd name="connsiteX1" fmla="*/ 771073 w 1552123"/>
              <a:gd name="connsiteY1" fmla="*/ 2 h 1559293"/>
              <a:gd name="connsiteX2" fmla="*/ 1552123 w 1552123"/>
              <a:gd name="connsiteY2" fmla="*/ 655640 h 1559293"/>
              <a:gd name="connsiteX3" fmla="*/ 640898 w 1552123"/>
              <a:gd name="connsiteY3" fmla="*/ 1558928 h 1559293"/>
              <a:gd name="connsiteX4" fmla="*/ 840 w 1552123"/>
              <a:gd name="connsiteY4" fmla="*/ 755841 h 1559293"/>
              <a:gd name="connsiteX0" fmla="*/ 462 w 1551745"/>
              <a:gd name="connsiteY0" fmla="*/ 746316 h 1549767"/>
              <a:gd name="connsiteX1" fmla="*/ 735770 w 1551745"/>
              <a:gd name="connsiteY1" fmla="*/ 2 h 1549767"/>
              <a:gd name="connsiteX2" fmla="*/ 1551745 w 1551745"/>
              <a:gd name="connsiteY2" fmla="*/ 646115 h 1549767"/>
              <a:gd name="connsiteX3" fmla="*/ 640520 w 1551745"/>
              <a:gd name="connsiteY3" fmla="*/ 1549403 h 1549767"/>
              <a:gd name="connsiteX4" fmla="*/ 462 w 1551745"/>
              <a:gd name="connsiteY4" fmla="*/ 746316 h 1549767"/>
              <a:gd name="connsiteX0" fmla="*/ 462 w 1551745"/>
              <a:gd name="connsiteY0" fmla="*/ 759015 h 1562467"/>
              <a:gd name="connsiteX1" fmla="*/ 735770 w 1551745"/>
              <a:gd name="connsiteY1" fmla="*/ 1 h 1562467"/>
              <a:gd name="connsiteX2" fmla="*/ 1551745 w 1551745"/>
              <a:gd name="connsiteY2" fmla="*/ 658814 h 1562467"/>
              <a:gd name="connsiteX3" fmla="*/ 640520 w 1551745"/>
              <a:gd name="connsiteY3" fmla="*/ 1562102 h 1562467"/>
              <a:gd name="connsiteX4" fmla="*/ 462 w 1551745"/>
              <a:gd name="connsiteY4" fmla="*/ 759015 h 1562467"/>
              <a:gd name="connsiteX0" fmla="*/ 462 w 1551745"/>
              <a:gd name="connsiteY0" fmla="*/ 759022 h 1562474"/>
              <a:gd name="connsiteX1" fmla="*/ 735770 w 1551745"/>
              <a:gd name="connsiteY1" fmla="*/ 8 h 1562474"/>
              <a:gd name="connsiteX2" fmla="*/ 1551745 w 1551745"/>
              <a:gd name="connsiteY2" fmla="*/ 658821 h 1562474"/>
              <a:gd name="connsiteX3" fmla="*/ 640520 w 1551745"/>
              <a:gd name="connsiteY3" fmla="*/ 1562109 h 1562474"/>
              <a:gd name="connsiteX4" fmla="*/ 462 w 1551745"/>
              <a:gd name="connsiteY4" fmla="*/ 759022 h 1562474"/>
              <a:gd name="connsiteX0" fmla="*/ 2063 w 1553346"/>
              <a:gd name="connsiteY0" fmla="*/ 759026 h 1562629"/>
              <a:gd name="connsiteX1" fmla="*/ 737371 w 1553346"/>
              <a:gd name="connsiteY1" fmla="*/ 12 h 1562629"/>
              <a:gd name="connsiteX2" fmla="*/ 1553346 w 1553346"/>
              <a:gd name="connsiteY2" fmla="*/ 658825 h 1562629"/>
              <a:gd name="connsiteX3" fmla="*/ 642121 w 1553346"/>
              <a:gd name="connsiteY3" fmla="*/ 1562113 h 1562629"/>
              <a:gd name="connsiteX4" fmla="*/ 2063 w 1553346"/>
              <a:gd name="connsiteY4" fmla="*/ 759026 h 1562629"/>
              <a:gd name="connsiteX0" fmla="*/ 2063 w 1553346"/>
              <a:gd name="connsiteY0" fmla="*/ 804829 h 1564628"/>
              <a:gd name="connsiteX1" fmla="*/ 737371 w 1553346"/>
              <a:gd name="connsiteY1" fmla="*/ 1365 h 1564628"/>
              <a:gd name="connsiteX2" fmla="*/ 1553346 w 1553346"/>
              <a:gd name="connsiteY2" fmla="*/ 660178 h 1564628"/>
              <a:gd name="connsiteX3" fmla="*/ 642121 w 1553346"/>
              <a:gd name="connsiteY3" fmla="*/ 1563466 h 1564628"/>
              <a:gd name="connsiteX4" fmla="*/ 2063 w 1553346"/>
              <a:gd name="connsiteY4" fmla="*/ 804829 h 1564628"/>
              <a:gd name="connsiteX0" fmla="*/ 2 w 1551285"/>
              <a:gd name="connsiteY0" fmla="*/ 804829 h 1583299"/>
              <a:gd name="connsiteX1" fmla="*/ 735310 w 1551285"/>
              <a:gd name="connsiteY1" fmla="*/ 1365 h 1583299"/>
              <a:gd name="connsiteX2" fmla="*/ 1551285 w 1551285"/>
              <a:gd name="connsiteY2" fmla="*/ 660178 h 1583299"/>
              <a:gd name="connsiteX3" fmla="*/ 741660 w 1551285"/>
              <a:gd name="connsiteY3" fmla="*/ 1582516 h 1583299"/>
              <a:gd name="connsiteX4" fmla="*/ 2 w 1551285"/>
              <a:gd name="connsiteY4" fmla="*/ 804829 h 1583299"/>
              <a:gd name="connsiteX0" fmla="*/ 2 w 1551285"/>
              <a:gd name="connsiteY0" fmla="*/ 804829 h 1584435"/>
              <a:gd name="connsiteX1" fmla="*/ 735310 w 1551285"/>
              <a:gd name="connsiteY1" fmla="*/ 1365 h 1584435"/>
              <a:gd name="connsiteX2" fmla="*/ 1551285 w 1551285"/>
              <a:gd name="connsiteY2" fmla="*/ 660178 h 1584435"/>
              <a:gd name="connsiteX3" fmla="*/ 741660 w 1551285"/>
              <a:gd name="connsiteY3" fmla="*/ 1582516 h 1584435"/>
              <a:gd name="connsiteX4" fmla="*/ 2 w 1551285"/>
              <a:gd name="connsiteY4" fmla="*/ 804829 h 1584435"/>
              <a:gd name="connsiteX0" fmla="*/ 1788 w 1553071"/>
              <a:gd name="connsiteY0" fmla="*/ 804829 h 1514463"/>
              <a:gd name="connsiteX1" fmla="*/ 737096 w 1553071"/>
              <a:gd name="connsiteY1" fmla="*/ 1365 h 1514463"/>
              <a:gd name="connsiteX2" fmla="*/ 1553071 w 1553071"/>
              <a:gd name="connsiteY2" fmla="*/ 660178 h 1514463"/>
              <a:gd name="connsiteX3" fmla="*/ 610096 w 1553071"/>
              <a:gd name="connsiteY3" fmla="*/ 1506316 h 1514463"/>
              <a:gd name="connsiteX4" fmla="*/ 1788 w 1553071"/>
              <a:gd name="connsiteY4" fmla="*/ 804829 h 1514463"/>
              <a:gd name="connsiteX0" fmla="*/ 1233 w 1552516"/>
              <a:gd name="connsiteY0" fmla="*/ 804829 h 1550326"/>
              <a:gd name="connsiteX1" fmla="*/ 736541 w 1552516"/>
              <a:gd name="connsiteY1" fmla="*/ 1365 h 1550326"/>
              <a:gd name="connsiteX2" fmla="*/ 1552516 w 1552516"/>
              <a:gd name="connsiteY2" fmla="*/ 660178 h 1550326"/>
              <a:gd name="connsiteX3" fmla="*/ 609541 w 1552516"/>
              <a:gd name="connsiteY3" fmla="*/ 1506316 h 1550326"/>
              <a:gd name="connsiteX4" fmla="*/ 1233 w 1552516"/>
              <a:gd name="connsiteY4" fmla="*/ 804829 h 1550326"/>
              <a:gd name="connsiteX0" fmla="*/ 3413 w 1554696"/>
              <a:gd name="connsiteY0" fmla="*/ 804829 h 1571676"/>
              <a:gd name="connsiteX1" fmla="*/ 738721 w 1554696"/>
              <a:gd name="connsiteY1" fmla="*/ 1365 h 1571676"/>
              <a:gd name="connsiteX2" fmla="*/ 1554696 w 1554696"/>
              <a:gd name="connsiteY2" fmla="*/ 660178 h 1571676"/>
              <a:gd name="connsiteX3" fmla="*/ 545046 w 1554696"/>
              <a:gd name="connsiteY3" fmla="*/ 1531716 h 1571676"/>
              <a:gd name="connsiteX4" fmla="*/ 3413 w 1554696"/>
              <a:gd name="connsiteY4" fmla="*/ 804829 h 1571676"/>
              <a:gd name="connsiteX0" fmla="*/ 3413 w 1554696"/>
              <a:gd name="connsiteY0" fmla="*/ 805962 h 1572809"/>
              <a:gd name="connsiteX1" fmla="*/ 738721 w 1554696"/>
              <a:gd name="connsiteY1" fmla="*/ 2498 h 1572809"/>
              <a:gd name="connsiteX2" fmla="*/ 1554696 w 1554696"/>
              <a:gd name="connsiteY2" fmla="*/ 661311 h 1572809"/>
              <a:gd name="connsiteX3" fmla="*/ 545046 w 1554696"/>
              <a:gd name="connsiteY3" fmla="*/ 1532849 h 1572809"/>
              <a:gd name="connsiteX4" fmla="*/ 3413 w 1554696"/>
              <a:gd name="connsiteY4" fmla="*/ 805962 h 1572809"/>
              <a:gd name="connsiteX0" fmla="*/ 2 w 1551285"/>
              <a:gd name="connsiteY0" fmla="*/ 806365 h 1573212"/>
              <a:gd name="connsiteX1" fmla="*/ 735310 w 1551285"/>
              <a:gd name="connsiteY1" fmla="*/ 2901 h 1573212"/>
              <a:gd name="connsiteX2" fmla="*/ 1551285 w 1551285"/>
              <a:gd name="connsiteY2" fmla="*/ 661714 h 1573212"/>
              <a:gd name="connsiteX3" fmla="*/ 541635 w 1551285"/>
              <a:gd name="connsiteY3" fmla="*/ 1533252 h 1573212"/>
              <a:gd name="connsiteX4" fmla="*/ 2 w 1551285"/>
              <a:gd name="connsiteY4" fmla="*/ 806365 h 1573212"/>
              <a:gd name="connsiteX0" fmla="*/ 3127 w 1554410"/>
              <a:gd name="connsiteY0" fmla="*/ 809127 h 1575974"/>
              <a:gd name="connsiteX1" fmla="*/ 728910 w 1554410"/>
              <a:gd name="connsiteY1" fmla="*/ 2488 h 1575974"/>
              <a:gd name="connsiteX2" fmla="*/ 1554410 w 1554410"/>
              <a:gd name="connsiteY2" fmla="*/ 664476 h 1575974"/>
              <a:gd name="connsiteX3" fmla="*/ 544760 w 1554410"/>
              <a:gd name="connsiteY3" fmla="*/ 1536014 h 1575974"/>
              <a:gd name="connsiteX4" fmla="*/ 3127 w 1554410"/>
              <a:gd name="connsiteY4" fmla="*/ 809127 h 1575974"/>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538 w 1551821"/>
              <a:gd name="connsiteY0" fmla="*/ 806923 h 1573770"/>
              <a:gd name="connsiteX1" fmla="*/ 726321 w 1551821"/>
              <a:gd name="connsiteY1" fmla="*/ 284 h 1573770"/>
              <a:gd name="connsiteX2" fmla="*/ 1551821 w 1551821"/>
              <a:gd name="connsiteY2" fmla="*/ 662272 h 1573770"/>
              <a:gd name="connsiteX3" fmla="*/ 542171 w 1551821"/>
              <a:gd name="connsiteY3" fmla="*/ 1533810 h 1573770"/>
              <a:gd name="connsiteX4" fmla="*/ 538 w 1551821"/>
              <a:gd name="connsiteY4" fmla="*/ 806923 h 15737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51821" h="1573770">
                <a:moveTo>
                  <a:pt x="538" y="806923"/>
                </a:moveTo>
                <a:cubicBezTo>
                  <a:pt x="12180" y="491010"/>
                  <a:pt x="185199" y="-13707"/>
                  <a:pt x="726321" y="284"/>
                </a:cubicBezTo>
                <a:cubicBezTo>
                  <a:pt x="1267443" y="14275"/>
                  <a:pt x="1551821" y="277378"/>
                  <a:pt x="1551821" y="662272"/>
                </a:cubicBezTo>
                <a:cubicBezTo>
                  <a:pt x="1494671" y="1644066"/>
                  <a:pt x="918193" y="1624001"/>
                  <a:pt x="542171" y="1533810"/>
                </a:cubicBezTo>
                <a:cubicBezTo>
                  <a:pt x="166149" y="1443619"/>
                  <a:pt x="-11104" y="1122836"/>
                  <a:pt x="538" y="806923"/>
                </a:cubicBezTo>
                <a:close/>
              </a:path>
            </a:pathLst>
          </a:custGeom>
          <a:solidFill>
            <a:schemeClr val="bg2"/>
          </a:solidFill>
        </p:spPr>
        <p:txBody>
          <a:bodyPr lIns="0" tIns="0" rIns="0" bIns="0" anchor="ctr"/>
          <a:lstStyle>
            <a:lvl1pPr marL="0" indent="0" algn="ctr">
              <a:buNone/>
              <a:defRPr/>
            </a:lvl1pPr>
          </a:lstStyle>
          <a:p>
            <a:r>
              <a:rPr lang="en-FI"/>
              <a:t>Insert Image</a:t>
            </a:r>
          </a:p>
          <a:p>
            <a:endParaRPr lang="en-FI"/>
          </a:p>
        </p:txBody>
      </p:sp>
      <p:sp>
        <p:nvSpPr>
          <p:cNvPr id="30" name="Text Placeholder 10">
            <a:extLst>
              <a:ext uri="{FF2B5EF4-FFF2-40B4-BE49-F238E27FC236}">
                <a16:creationId xmlns:a16="http://schemas.microsoft.com/office/drawing/2014/main" id="{6D3E1CEC-24A5-3F47-88D6-E63EC6A53875}"/>
              </a:ext>
            </a:extLst>
          </p:cNvPr>
          <p:cNvSpPr>
            <a:spLocks noGrp="1"/>
          </p:cNvSpPr>
          <p:nvPr>
            <p:ph type="body" sz="quarter" idx="38" hasCustomPrompt="1"/>
          </p:nvPr>
        </p:nvSpPr>
        <p:spPr>
          <a:xfrm>
            <a:off x="8947228"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32" name="Text Placeholder 2">
            <a:extLst>
              <a:ext uri="{FF2B5EF4-FFF2-40B4-BE49-F238E27FC236}">
                <a16:creationId xmlns:a16="http://schemas.microsoft.com/office/drawing/2014/main" id="{587A0F05-A212-0884-51F2-61BB3E2C33C5}"/>
              </a:ext>
            </a:extLst>
          </p:cNvPr>
          <p:cNvSpPr>
            <a:spLocks noGrp="1"/>
          </p:cNvSpPr>
          <p:nvPr>
            <p:ph type="body" sz="quarter" idx="40" hasCustomPrompt="1"/>
          </p:nvPr>
        </p:nvSpPr>
        <p:spPr>
          <a:xfrm>
            <a:off x="8947228"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29" name="Text Placeholder 2">
            <a:extLst>
              <a:ext uri="{FF2B5EF4-FFF2-40B4-BE49-F238E27FC236}">
                <a16:creationId xmlns:a16="http://schemas.microsoft.com/office/drawing/2014/main" id="{041C64FD-55F6-8241-0CA3-F2922AD7B3C4}"/>
              </a:ext>
            </a:extLst>
          </p:cNvPr>
          <p:cNvSpPr>
            <a:spLocks noGrp="1"/>
          </p:cNvSpPr>
          <p:nvPr>
            <p:ph type="body" sz="quarter" idx="37" hasCustomPrompt="1"/>
          </p:nvPr>
        </p:nvSpPr>
        <p:spPr>
          <a:xfrm>
            <a:off x="8947228"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A5FB7C9B-D204-0166-112B-BDD413B00DBB}"/>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698095135"/>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am single person presentatio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A95D677-A6B7-4766-87A6-F3A15F9633D5}"/>
              </a:ext>
            </a:extLst>
          </p:cNvPr>
          <p:cNvSpPr>
            <a:spLocks noGrp="1"/>
          </p:cNvSpPr>
          <p:nvPr>
            <p:ph type="title" hasCustomPrompt="1"/>
          </p:nvPr>
        </p:nvSpPr>
        <p:spPr>
          <a:xfrm>
            <a:off x="675006" y="833305"/>
            <a:ext cx="6939819" cy="654816"/>
          </a:xfrm>
          <a:prstGeom prst="rect">
            <a:avLst/>
          </a:prstGeom>
        </p:spPr>
        <p:txBody>
          <a:bodyPr lIns="0" tIns="0" rIns="0" bIns="0" anchor="ctr"/>
          <a:lstStyle>
            <a:lvl1pPr>
              <a:defRPr b="1" i="0" spc="-100" baseline="0">
                <a:solidFill>
                  <a:srgbClr val="0F3D51"/>
                </a:solidFill>
                <a:latin typeface="+mj-lt"/>
              </a:defRPr>
            </a:lvl1pPr>
          </a:lstStyle>
          <a:p>
            <a:r>
              <a:rPr lang="en-US" noProof="0" err="1"/>
              <a:t>Firstname</a:t>
            </a:r>
            <a:r>
              <a:rPr lang="en-US" noProof="0"/>
              <a:t> </a:t>
            </a:r>
            <a:r>
              <a:rPr lang="en-US" noProof="0" err="1"/>
              <a:t>Lastname</a:t>
            </a:r>
            <a:endParaRPr lang="en-GB"/>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2" name="Content Placeholder 6">
            <a:extLst>
              <a:ext uri="{FF2B5EF4-FFF2-40B4-BE49-F238E27FC236}">
                <a16:creationId xmlns:a16="http://schemas.microsoft.com/office/drawing/2014/main" id="{684ADAB4-1142-8B89-8C28-723A14B5BFA9}"/>
              </a:ext>
            </a:extLst>
          </p:cNvPr>
          <p:cNvSpPr>
            <a:spLocks noGrp="1"/>
          </p:cNvSpPr>
          <p:nvPr>
            <p:ph sz="quarter" idx="10" hasCustomPrompt="1"/>
          </p:nvPr>
        </p:nvSpPr>
        <p:spPr>
          <a:xfrm>
            <a:off x="695325" y="1467159"/>
            <a:ext cx="4151225"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Descriptive title / role</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3" name="Text Placeholder 2">
            <a:extLst>
              <a:ext uri="{FF2B5EF4-FFF2-40B4-BE49-F238E27FC236}">
                <a16:creationId xmlns:a16="http://schemas.microsoft.com/office/drawing/2014/main" id="{C8385A5A-D5A8-A51E-30C4-C4F7F7D89FCA}"/>
              </a:ext>
            </a:extLst>
          </p:cNvPr>
          <p:cNvSpPr>
            <a:spLocks noGrp="1"/>
          </p:cNvSpPr>
          <p:nvPr>
            <p:ph type="body" sz="quarter" idx="29" hasCustomPrompt="1"/>
          </p:nvPr>
        </p:nvSpPr>
        <p:spPr>
          <a:xfrm>
            <a:off x="697865" y="2303914"/>
            <a:ext cx="4151225" cy="3940888"/>
          </a:xfrm>
          <a:prstGeom prst="rect">
            <a:avLst/>
          </a:prstGeom>
        </p:spPr>
        <p:txBody>
          <a:bodyPr lIns="0" tIns="0" rIns="0" bIns="0"/>
          <a:lstStyle>
            <a:lvl1pPr marL="0" indent="0">
              <a:lnSpc>
                <a:spcPct val="105000"/>
              </a:lnSpc>
              <a:buNone/>
              <a:tabLst/>
              <a:defRPr sz="1200"/>
            </a:lvl1pPr>
            <a:lvl2pPr marL="271463" indent="-93663">
              <a:tabLst/>
              <a:defRPr sz="1100"/>
            </a:lvl2pPr>
          </a:lstStyle>
          <a:p>
            <a:pPr lvl="0"/>
            <a:r>
              <a:rPr lang="en-GB"/>
              <a:t>PEOPLE DON’T READ LONG TEXTS – KEEP THIS SHORT AND TO THE POINT! MUST FIT IN THIS BOX IN SIZE 12 FONT. Start with a short intro about why the person is suitable for the project/task at hand. Only mention the essential traits and/or experience/expertise relevant to this opportunity. The rest can be seen in the lists to the right. (ENTER - NEW PARAGRAPH) Then, a short general introduction about the person: Areas of interest &amp; expertise, matters the person is passionate about, special skills or traits.. (NOTE, don’t duplicate all stuff listed to the right in relevant skills list) (ENTER - NEW PARAGRAPH) Short character description; what kind of person, what qualities does the person bring to the team, can be both personality traits like positivity or being organised etc, and/or more expertise or experience related.</a:t>
            </a:r>
          </a:p>
        </p:txBody>
      </p:sp>
      <p:sp>
        <p:nvSpPr>
          <p:cNvPr id="16" name="Text Placeholder 2">
            <a:extLst>
              <a:ext uri="{FF2B5EF4-FFF2-40B4-BE49-F238E27FC236}">
                <a16:creationId xmlns:a16="http://schemas.microsoft.com/office/drawing/2014/main" id="{18319B84-6EF4-65F0-63C8-70E85E0DF537}"/>
              </a:ext>
            </a:extLst>
          </p:cNvPr>
          <p:cNvSpPr>
            <a:spLocks noGrp="1"/>
          </p:cNvSpPr>
          <p:nvPr>
            <p:ph type="body" sz="quarter" idx="28" hasCustomPrompt="1"/>
          </p:nvPr>
        </p:nvSpPr>
        <p:spPr>
          <a:xfrm>
            <a:off x="5348167" y="1521140"/>
            <a:ext cx="2901990" cy="230459"/>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marL="0" marR="0" lvl="0" indent="0" algn="l" defTabSz="914400" rtl="0" eaLnBrk="1" fontAlgn="auto" latinLnBrk="0" hangingPunct="1">
              <a:lnSpc>
                <a:spcPct val="100000"/>
              </a:lnSpc>
              <a:spcBef>
                <a:spcPts val="1000"/>
              </a:spcBef>
              <a:spcAft>
                <a:spcPts val="0"/>
              </a:spcAft>
              <a:buClr>
                <a:srgbClr val="F7673B"/>
              </a:buClr>
              <a:buSzTx/>
              <a:buFont typeface="Arial" panose="020B0604020202020204" pitchFamily="34" charset="0"/>
              <a:buNone/>
              <a:tabLst/>
              <a:defRPr/>
            </a:pPr>
            <a:r>
              <a:rPr lang="en-GB"/>
              <a:t>PROJECT HIGHLIGHTS</a:t>
            </a:r>
          </a:p>
        </p:txBody>
      </p:sp>
      <p:sp>
        <p:nvSpPr>
          <p:cNvPr id="15" name="Text Placeholder 2">
            <a:extLst>
              <a:ext uri="{FF2B5EF4-FFF2-40B4-BE49-F238E27FC236}">
                <a16:creationId xmlns:a16="http://schemas.microsoft.com/office/drawing/2014/main" id="{6A701E40-16AB-6713-6D1B-A6AB1E082A96}"/>
              </a:ext>
            </a:extLst>
          </p:cNvPr>
          <p:cNvSpPr>
            <a:spLocks noGrp="1"/>
          </p:cNvSpPr>
          <p:nvPr>
            <p:ph type="body" sz="quarter" idx="31" hasCustomPrompt="1"/>
          </p:nvPr>
        </p:nvSpPr>
        <p:spPr>
          <a:xfrm>
            <a:off x="5348167" y="3385782"/>
            <a:ext cx="2901990" cy="242633"/>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marL="0" marR="0" lvl="0" indent="0" algn="l" defTabSz="914400" rtl="0" eaLnBrk="1" fontAlgn="auto" latinLnBrk="0" hangingPunct="1">
              <a:lnSpc>
                <a:spcPct val="100000"/>
              </a:lnSpc>
              <a:spcBef>
                <a:spcPts val="1000"/>
              </a:spcBef>
              <a:spcAft>
                <a:spcPts val="0"/>
              </a:spcAft>
              <a:buClr>
                <a:srgbClr val="F7673B"/>
              </a:buClr>
              <a:buSzTx/>
              <a:buFont typeface="Arial" panose="020B0604020202020204" pitchFamily="34" charset="0"/>
              <a:buNone/>
              <a:tabLst/>
              <a:defRPr/>
            </a:pPr>
            <a:r>
              <a:rPr lang="en-GB"/>
              <a:t>RELEVANT SKILLS &amp; EXPERTISE</a:t>
            </a:r>
          </a:p>
        </p:txBody>
      </p:sp>
      <p:sp>
        <p:nvSpPr>
          <p:cNvPr id="18" name="Text Placeholder 2">
            <a:extLst>
              <a:ext uri="{FF2B5EF4-FFF2-40B4-BE49-F238E27FC236}">
                <a16:creationId xmlns:a16="http://schemas.microsoft.com/office/drawing/2014/main" id="{1D181952-C27F-BC1D-C2E4-EB108D6B23C5}"/>
              </a:ext>
            </a:extLst>
          </p:cNvPr>
          <p:cNvSpPr>
            <a:spLocks noGrp="1"/>
          </p:cNvSpPr>
          <p:nvPr>
            <p:ph type="body" sz="quarter" idx="33" hasCustomPrompt="1"/>
          </p:nvPr>
        </p:nvSpPr>
        <p:spPr>
          <a:xfrm>
            <a:off x="8528010" y="3385782"/>
            <a:ext cx="2901990" cy="242633"/>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lvl="0"/>
            <a:r>
              <a:rPr lang="en-GB"/>
              <a:t>WORK HISTORY</a:t>
            </a:r>
          </a:p>
        </p:txBody>
      </p:sp>
      <p:sp>
        <p:nvSpPr>
          <p:cNvPr id="17" name="Text Placeholder 2">
            <a:extLst>
              <a:ext uri="{FF2B5EF4-FFF2-40B4-BE49-F238E27FC236}">
                <a16:creationId xmlns:a16="http://schemas.microsoft.com/office/drawing/2014/main" id="{E262B487-EE26-7793-7BE2-1BB870E99539}"/>
              </a:ext>
            </a:extLst>
          </p:cNvPr>
          <p:cNvSpPr>
            <a:spLocks noGrp="1"/>
          </p:cNvSpPr>
          <p:nvPr>
            <p:ph type="body" sz="quarter" idx="32" hasCustomPrompt="1"/>
          </p:nvPr>
        </p:nvSpPr>
        <p:spPr>
          <a:xfrm>
            <a:off x="8528010" y="3616242"/>
            <a:ext cx="2901990" cy="1222458"/>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Company Name – Title Description (mm/</a:t>
            </a:r>
            <a:r>
              <a:rPr lang="en-GB" err="1"/>
              <a:t>yy</a:t>
            </a:r>
            <a:r>
              <a:rPr lang="en-GB"/>
              <a:t>-mm/</a:t>
            </a:r>
            <a:r>
              <a:rPr lang="en-GB" err="1"/>
              <a:t>yy</a:t>
            </a:r>
            <a:r>
              <a:rPr lang="en-GB"/>
              <a:t>)</a:t>
            </a:r>
          </a:p>
        </p:txBody>
      </p:sp>
      <p:sp>
        <p:nvSpPr>
          <p:cNvPr id="6" name="Picture Placeholder 2">
            <a:extLst>
              <a:ext uri="{FF2B5EF4-FFF2-40B4-BE49-F238E27FC236}">
                <a16:creationId xmlns:a16="http://schemas.microsoft.com/office/drawing/2014/main" id="{3072ECB6-86CF-EA81-C52B-C2DEE994EB07}"/>
              </a:ext>
            </a:extLst>
          </p:cNvPr>
          <p:cNvSpPr>
            <a:spLocks noGrp="1"/>
          </p:cNvSpPr>
          <p:nvPr>
            <p:ph type="pic" sz="quarter" idx="27" hasCustomPrompt="1"/>
          </p:nvPr>
        </p:nvSpPr>
        <p:spPr>
          <a:xfrm>
            <a:off x="8344391" y="600004"/>
            <a:ext cx="2782590" cy="2592760"/>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anchor="ctr"/>
          <a:lstStyle>
            <a:lvl1pPr marL="0" indent="0" algn="ctr">
              <a:buNone/>
              <a:defRPr/>
            </a:lvl1pPr>
          </a:lstStyle>
          <a:p>
            <a:r>
              <a:rPr lang="en-GB"/>
              <a:t>I</a:t>
            </a:r>
            <a:r>
              <a:rPr lang="en-FI"/>
              <a:t>nsert profile image</a:t>
            </a:r>
            <a:br>
              <a:rPr lang="en-FI"/>
            </a:br>
            <a:r>
              <a:rPr lang="en-FI"/>
              <a:t>A professional, but </a:t>
            </a:r>
            <a:br>
              <a:rPr lang="en-FI"/>
            </a:br>
            <a:r>
              <a:rPr lang="en-FI"/>
              <a:t>sympathetic picture </a:t>
            </a:r>
            <a:br>
              <a:rPr lang="en-FI"/>
            </a:br>
            <a:r>
              <a:rPr lang="en-FI"/>
              <a:t>– a nice person to work with.</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7" name="Text Placeholder 2">
            <a:extLst>
              <a:ext uri="{FF2B5EF4-FFF2-40B4-BE49-F238E27FC236}">
                <a16:creationId xmlns:a16="http://schemas.microsoft.com/office/drawing/2014/main" id="{C8FDF982-5B29-7CF3-4056-A0CB940099D3}"/>
              </a:ext>
            </a:extLst>
          </p:cNvPr>
          <p:cNvSpPr>
            <a:spLocks noGrp="1"/>
          </p:cNvSpPr>
          <p:nvPr>
            <p:ph type="body" sz="quarter" idx="34" hasCustomPrompt="1"/>
          </p:nvPr>
        </p:nvSpPr>
        <p:spPr>
          <a:xfrm>
            <a:off x="8528010" y="4891760"/>
            <a:ext cx="2901990" cy="230459"/>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lvl="0"/>
            <a:r>
              <a:rPr lang="en-GB"/>
              <a:t>EDUCATION &amp; CERTIFICATES</a:t>
            </a:r>
          </a:p>
        </p:txBody>
      </p:sp>
      <p:sp>
        <p:nvSpPr>
          <p:cNvPr id="11" name="Text Placeholder 2">
            <a:extLst>
              <a:ext uri="{FF2B5EF4-FFF2-40B4-BE49-F238E27FC236}">
                <a16:creationId xmlns:a16="http://schemas.microsoft.com/office/drawing/2014/main" id="{AB359ECA-E99B-F6B0-392D-A6A498669E55}"/>
              </a:ext>
            </a:extLst>
          </p:cNvPr>
          <p:cNvSpPr>
            <a:spLocks noGrp="1"/>
          </p:cNvSpPr>
          <p:nvPr>
            <p:ph type="body" sz="quarter" idx="36" hasCustomPrompt="1"/>
          </p:nvPr>
        </p:nvSpPr>
        <p:spPr>
          <a:xfrm>
            <a:off x="5353010" y="1749342"/>
            <a:ext cx="2901990" cy="1443422"/>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Company Name – Project description</a:t>
            </a:r>
          </a:p>
        </p:txBody>
      </p:sp>
      <p:sp>
        <p:nvSpPr>
          <p:cNvPr id="19" name="Text Placeholder 2">
            <a:extLst>
              <a:ext uri="{FF2B5EF4-FFF2-40B4-BE49-F238E27FC236}">
                <a16:creationId xmlns:a16="http://schemas.microsoft.com/office/drawing/2014/main" id="{3C2A3E39-5628-BC99-4C7D-08C0D03345C6}"/>
              </a:ext>
            </a:extLst>
          </p:cNvPr>
          <p:cNvSpPr>
            <a:spLocks noGrp="1"/>
          </p:cNvSpPr>
          <p:nvPr>
            <p:ph type="body" sz="quarter" idx="37" hasCustomPrompt="1"/>
          </p:nvPr>
        </p:nvSpPr>
        <p:spPr>
          <a:xfrm>
            <a:off x="5346660" y="3616242"/>
            <a:ext cx="2901990" cy="2606788"/>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Relevant tech stacks, subject matter expertise, professional strengths etc. One bullet per. But combine tech stuff per category, e.g. Frontend: Angular, AngularJS, React​</a:t>
            </a:r>
          </a:p>
        </p:txBody>
      </p:sp>
      <p:sp>
        <p:nvSpPr>
          <p:cNvPr id="20" name="Text Placeholder 2">
            <a:extLst>
              <a:ext uri="{FF2B5EF4-FFF2-40B4-BE49-F238E27FC236}">
                <a16:creationId xmlns:a16="http://schemas.microsoft.com/office/drawing/2014/main" id="{9A694B95-36B4-EDAC-0DED-BF56ACE5218A}"/>
              </a:ext>
            </a:extLst>
          </p:cNvPr>
          <p:cNvSpPr>
            <a:spLocks noGrp="1"/>
          </p:cNvSpPr>
          <p:nvPr>
            <p:ph type="body" sz="quarter" idx="38" hasCustomPrompt="1"/>
          </p:nvPr>
        </p:nvSpPr>
        <p:spPr>
          <a:xfrm>
            <a:off x="8528010" y="5114842"/>
            <a:ext cx="2901990" cy="1129960"/>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Degree, School (or just name of certification)</a:t>
            </a:r>
          </a:p>
        </p:txBody>
      </p:sp>
      <p:sp>
        <p:nvSpPr>
          <p:cNvPr id="3" name="Freeform: Shape 19">
            <a:extLst>
              <a:ext uri="{FF2B5EF4-FFF2-40B4-BE49-F238E27FC236}">
                <a16:creationId xmlns:a16="http://schemas.microsoft.com/office/drawing/2014/main" id="{AC0E87F3-3A4C-6355-F2C0-A686F3B8A8F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12019536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ase 1-slider EN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3F022E6D-9724-4946-9C18-63E487B1D90F}"/>
              </a:ext>
              <a:ext uri="{C183D7F6-B498-43B3-948B-1728B52AA6E4}">
                <adec:decorative xmlns:adec="http://schemas.microsoft.com/office/drawing/2017/decorative" val="1"/>
              </a:ext>
            </a:extLst>
          </p:cNvPr>
          <p:cNvSpPr/>
          <p:nvPr userDrawn="1"/>
        </p:nvSpPr>
        <p:spPr>
          <a:xfrm>
            <a:off x="0" y="2566880"/>
            <a:ext cx="12192000" cy="4302807"/>
          </a:xfrm>
          <a:prstGeom prst="rect">
            <a:avLst/>
          </a:prstGeom>
          <a:solidFill>
            <a:srgbClr val="FAF1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sp>
        <p:nvSpPr>
          <p:cNvPr id="19" name="Text Placeholder 18">
            <a:extLst>
              <a:ext uri="{FF2B5EF4-FFF2-40B4-BE49-F238E27FC236}">
                <a16:creationId xmlns:a16="http://schemas.microsoft.com/office/drawing/2014/main" id="{60867568-A253-1445-8EEF-7325604A5378}"/>
              </a:ext>
            </a:extLst>
          </p:cNvPr>
          <p:cNvSpPr>
            <a:spLocks noGrp="1"/>
          </p:cNvSpPr>
          <p:nvPr>
            <p:ph type="body" sz="quarter" idx="11" hasCustomPrompt="1"/>
          </p:nvPr>
        </p:nvSpPr>
        <p:spPr>
          <a:xfrm>
            <a:off x="674920" y="620712"/>
            <a:ext cx="5265821" cy="1728787"/>
          </a:xfrm>
        </p:spPr>
        <p:txBody>
          <a:bodyPr lIns="0" tIns="0" rIns="0" bIns="0" anchor="b"/>
          <a:lstStyle>
            <a:lvl1pPr marL="0" indent="0">
              <a:lnSpc>
                <a:spcPct val="90000"/>
              </a:lnSpc>
              <a:spcBef>
                <a:spcPts val="0"/>
              </a:spcBef>
              <a:buNone/>
              <a:defRPr sz="3000" b="0" i="0" spc="-50" baseline="0">
                <a:solidFill>
                  <a:schemeClr val="tx1"/>
                </a:solidFill>
                <a:latin typeface="+mj-lt"/>
              </a:defRPr>
            </a:lvl1pPr>
          </a:lstStyle>
          <a:p>
            <a:pPr lvl="0"/>
            <a:r>
              <a:rPr lang="en-GB"/>
              <a:t>Click to insert a descriptive, attention raising headline</a:t>
            </a:r>
            <a:endParaRPr lang="en-FI"/>
          </a:p>
        </p:txBody>
      </p:sp>
      <p:sp>
        <p:nvSpPr>
          <p:cNvPr id="18" name="Text Placeholder 3">
            <a:extLst>
              <a:ext uri="{FF2B5EF4-FFF2-40B4-BE49-F238E27FC236}">
                <a16:creationId xmlns:a16="http://schemas.microsoft.com/office/drawing/2014/main" id="{E545FFB3-BA8B-04AB-6C3B-468DA53037F6}"/>
              </a:ext>
            </a:extLst>
          </p:cNvPr>
          <p:cNvSpPr>
            <a:spLocks noGrp="1"/>
          </p:cNvSpPr>
          <p:nvPr>
            <p:ph type="body" sz="quarter" idx="19" hasCustomPrompt="1"/>
          </p:nvPr>
        </p:nvSpPr>
        <p:spPr>
          <a:xfrm>
            <a:off x="695326" y="341037"/>
            <a:ext cx="5265735"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INSERT CUSTOMER NAME – WRITE WITH CAPITAL LETTERS</a:t>
            </a:r>
            <a:endParaRPr lang="en-FI"/>
          </a:p>
        </p:txBody>
      </p:sp>
      <p:sp>
        <p:nvSpPr>
          <p:cNvPr id="21" name="Text Placeholder 20">
            <a:extLst>
              <a:ext uri="{FF2B5EF4-FFF2-40B4-BE49-F238E27FC236}">
                <a16:creationId xmlns:a16="http://schemas.microsoft.com/office/drawing/2014/main" id="{06554033-C9A5-5743-A1DE-520CC6DC4C3D}"/>
              </a:ext>
            </a:extLst>
          </p:cNvPr>
          <p:cNvSpPr>
            <a:spLocks noGrp="1"/>
          </p:cNvSpPr>
          <p:nvPr>
            <p:ph type="body" sz="quarter" idx="12" hasCustomPrompt="1"/>
          </p:nvPr>
        </p:nvSpPr>
        <p:spPr>
          <a:xfrm>
            <a:off x="695239" y="2788346"/>
            <a:ext cx="6325631" cy="1068387"/>
          </a:xfrm>
        </p:spPr>
        <p:txBody>
          <a:bodyPr lIns="0" tIns="0" rIns="0" bIns="0"/>
          <a:lstStyle>
            <a:lvl1pPr marL="0" indent="0">
              <a:lnSpc>
                <a:spcPct val="110000"/>
              </a:lnSpc>
              <a:buNone/>
              <a:defRPr b="0" i="0">
                <a:latin typeface="Messina Modern Book" pitchFamily="2" charset="77"/>
              </a:defRPr>
            </a:lvl1pPr>
          </a:lstStyle>
          <a:p>
            <a:pPr lvl="0"/>
            <a:r>
              <a:rPr lang="en-GB"/>
              <a:t>Click to insert short description of the case, what’s essential/interesting with what was done, achieved or discovered</a:t>
            </a:r>
            <a:endParaRPr lang="en-FI"/>
          </a:p>
        </p:txBody>
      </p:sp>
      <p:sp>
        <p:nvSpPr>
          <p:cNvPr id="26" name="TextBox 25">
            <a:extLst>
              <a:ext uri="{FF2B5EF4-FFF2-40B4-BE49-F238E27FC236}">
                <a16:creationId xmlns:a16="http://schemas.microsoft.com/office/drawing/2014/main" id="{19ADB43A-252D-F74A-8AAF-E6BD53E1D471}"/>
              </a:ext>
              <a:ext uri="{C183D7F6-B498-43B3-948B-1728B52AA6E4}">
                <adec:decorative xmlns:adec="http://schemas.microsoft.com/office/drawing/2017/decorative" val="1"/>
              </a:ext>
            </a:extLst>
          </p:cNvPr>
          <p:cNvSpPr txBox="1"/>
          <p:nvPr userDrawn="1"/>
        </p:nvSpPr>
        <p:spPr>
          <a:xfrm>
            <a:off x="11152410" y="2473604"/>
            <a:ext cx="659155" cy="1569660"/>
          </a:xfrm>
          <a:prstGeom prst="rect">
            <a:avLst/>
          </a:prstGeom>
          <a:noFill/>
        </p:spPr>
        <p:txBody>
          <a:bodyPr wrap="none" rtlCol="0">
            <a:spAutoFit/>
          </a:bodyPr>
          <a:lstStyle/>
          <a:p>
            <a:r>
              <a:rPr lang="en-GB" sz="9600">
                <a:solidFill>
                  <a:schemeClr val="bg2">
                    <a:lumMod val="50000"/>
                  </a:schemeClr>
                </a:solidFill>
                <a:latin typeface="+mj-lt"/>
              </a:rPr>
              <a:t>”</a:t>
            </a:r>
            <a:endParaRPr lang="en-FI" sz="9600">
              <a:latin typeface="+mj-lt"/>
            </a:endParaRPr>
          </a:p>
        </p:txBody>
      </p:sp>
      <p:sp>
        <p:nvSpPr>
          <p:cNvPr id="25" name="Text Placeholder 24">
            <a:extLst>
              <a:ext uri="{FF2B5EF4-FFF2-40B4-BE49-F238E27FC236}">
                <a16:creationId xmlns:a16="http://schemas.microsoft.com/office/drawing/2014/main" id="{58131353-A41F-FB4F-B737-E4C7FF9C6A27}"/>
              </a:ext>
            </a:extLst>
          </p:cNvPr>
          <p:cNvSpPr>
            <a:spLocks noGrp="1"/>
          </p:cNvSpPr>
          <p:nvPr>
            <p:ph type="body" sz="quarter" idx="14" hasCustomPrompt="1"/>
          </p:nvPr>
        </p:nvSpPr>
        <p:spPr>
          <a:xfrm>
            <a:off x="7896226" y="2805831"/>
            <a:ext cx="3132924" cy="947108"/>
          </a:xfrm>
        </p:spPr>
        <p:txBody>
          <a:bodyPr lIns="0" tIns="0" rIns="0" bIns="0"/>
          <a:lstStyle>
            <a:lvl1pPr marL="0" indent="0">
              <a:lnSpc>
                <a:spcPct val="105000"/>
              </a:lnSpc>
              <a:buNone/>
              <a:defRPr sz="1100" baseline="0">
                <a:solidFill>
                  <a:schemeClr val="tx2"/>
                </a:solidFill>
                <a:latin typeface="+mn-lt"/>
              </a:defRPr>
            </a:lvl1pPr>
          </a:lstStyle>
          <a:p>
            <a:pPr lvl="0"/>
            <a:r>
              <a:rPr lang="en-GB"/>
              <a:t>Insert praising or nice quote from customer or team member that fits on maximum 4 rows of text this size. </a:t>
            </a:r>
            <a:endParaRPr lang="en-FI"/>
          </a:p>
        </p:txBody>
      </p:sp>
      <p:sp>
        <p:nvSpPr>
          <p:cNvPr id="28" name="Text Placeholder 27">
            <a:extLst>
              <a:ext uri="{FF2B5EF4-FFF2-40B4-BE49-F238E27FC236}">
                <a16:creationId xmlns:a16="http://schemas.microsoft.com/office/drawing/2014/main" id="{E6DEBC82-5BE4-044D-B262-9D83726F6875}"/>
              </a:ext>
            </a:extLst>
          </p:cNvPr>
          <p:cNvSpPr>
            <a:spLocks noGrp="1"/>
          </p:cNvSpPr>
          <p:nvPr>
            <p:ph type="body" sz="quarter" idx="15" hasCustomPrompt="1"/>
          </p:nvPr>
        </p:nvSpPr>
        <p:spPr>
          <a:xfrm>
            <a:off x="7898718" y="3752938"/>
            <a:ext cx="3383778" cy="138581"/>
          </a:xfrm>
        </p:spPr>
        <p:txBody>
          <a:bodyPr lIns="0" tIns="0" rIns="0" bIns="0"/>
          <a:lstStyle>
            <a:lvl1pPr marL="0" indent="0">
              <a:spcBef>
                <a:spcPts val="0"/>
              </a:spcBef>
              <a:buNone/>
              <a:defRPr sz="800" b="0" i="0" spc="0">
                <a:solidFill>
                  <a:schemeClr val="tx2"/>
                </a:solidFill>
                <a:latin typeface="+mn-lt"/>
              </a:defRPr>
            </a:lvl1pPr>
          </a:lstStyle>
          <a:p>
            <a:pPr lvl="0"/>
            <a:r>
              <a:rPr lang="en-GB"/>
              <a:t>FIRSTNAME LASTNAME /  TITLE IF RELEVANT</a:t>
            </a:r>
            <a:endParaRPr lang="en-FI"/>
          </a:p>
        </p:txBody>
      </p:sp>
      <p:sp>
        <p:nvSpPr>
          <p:cNvPr id="35" name="Text Placeholder 34">
            <a:extLst>
              <a:ext uri="{FF2B5EF4-FFF2-40B4-BE49-F238E27FC236}">
                <a16:creationId xmlns:a16="http://schemas.microsoft.com/office/drawing/2014/main" id="{DCA457F7-3488-7148-8F40-15B65AE58894}"/>
              </a:ext>
            </a:extLst>
          </p:cNvPr>
          <p:cNvSpPr>
            <a:spLocks noGrp="1"/>
          </p:cNvSpPr>
          <p:nvPr>
            <p:ph type="body" sz="quarter" idx="16" hasCustomPrompt="1"/>
          </p:nvPr>
        </p:nvSpPr>
        <p:spPr>
          <a:xfrm>
            <a:off x="695239" y="4450739"/>
            <a:ext cx="3383779" cy="1786036"/>
          </a:xfrm>
        </p:spPr>
        <p:txBody>
          <a:bodyPr lIns="0" tIns="0" rIns="0" bIns="0"/>
          <a:lstStyle>
            <a:lvl1pPr marL="0" indent="0">
              <a:lnSpc>
                <a:spcPct val="110000"/>
              </a:lnSpc>
              <a:spcBef>
                <a:spcPts val="0"/>
              </a:spcBef>
              <a:buNone/>
              <a:defRPr sz="1200" b="0" i="0">
                <a:latin typeface="+mn-lt"/>
              </a:defRPr>
            </a:lvl1pPr>
          </a:lstStyle>
          <a:p>
            <a:pPr lvl="0"/>
            <a:r>
              <a:rPr lang="en-GB"/>
              <a:t>Describe the starting scenario - what was the problem or challenge the project set out to solve? Or, explain the objectives for it, what kind of change needed to happen for what reasons? Must fit in this text-box in size 12.</a:t>
            </a:r>
            <a:endParaRPr lang="en-FI"/>
          </a:p>
        </p:txBody>
      </p:sp>
      <p:sp>
        <p:nvSpPr>
          <p:cNvPr id="36" name="Text Placeholder 34">
            <a:extLst>
              <a:ext uri="{FF2B5EF4-FFF2-40B4-BE49-F238E27FC236}">
                <a16:creationId xmlns:a16="http://schemas.microsoft.com/office/drawing/2014/main" id="{5C782247-C770-0648-94FC-8226576C0F85}"/>
              </a:ext>
            </a:extLst>
          </p:cNvPr>
          <p:cNvSpPr>
            <a:spLocks noGrp="1"/>
          </p:cNvSpPr>
          <p:nvPr>
            <p:ph type="body" sz="quarter" idx="17" hasCustomPrompt="1"/>
          </p:nvPr>
        </p:nvSpPr>
        <p:spPr>
          <a:xfrm>
            <a:off x="4304470" y="4450739"/>
            <a:ext cx="3383778" cy="1786036"/>
          </a:xfrm>
        </p:spPr>
        <p:txBody>
          <a:bodyPr lIns="0" tIns="0" rIns="0" bIns="0"/>
          <a:lstStyle>
            <a:lvl1pPr marL="0" indent="0">
              <a:lnSpc>
                <a:spcPct val="110000"/>
              </a:lnSpc>
              <a:spcBef>
                <a:spcPts val="0"/>
              </a:spcBef>
              <a:buNone/>
              <a:defRPr sz="1200" b="0" i="0">
                <a:latin typeface="+mn-lt"/>
              </a:defRPr>
            </a:lvl1pPr>
          </a:lstStyle>
          <a:p>
            <a:pPr lvl="0"/>
            <a:r>
              <a:rPr lang="en-GB"/>
              <a:t>How did we approach the challenge? What process or methodologies were used / what obstacles did we need to overcome / any significant insights relating to end users for ex? / something else interesting on how we went about it or came to conclusions? Must fit in this text-box in size 12.</a:t>
            </a:r>
            <a:endParaRPr lang="en-FI"/>
          </a:p>
        </p:txBody>
      </p:sp>
      <p:sp>
        <p:nvSpPr>
          <p:cNvPr id="37" name="Text Placeholder 34">
            <a:extLst>
              <a:ext uri="{FF2B5EF4-FFF2-40B4-BE49-F238E27FC236}">
                <a16:creationId xmlns:a16="http://schemas.microsoft.com/office/drawing/2014/main" id="{5DD30A26-BDB0-4646-9380-2367756F9B4F}"/>
              </a:ext>
            </a:extLst>
          </p:cNvPr>
          <p:cNvSpPr>
            <a:spLocks noGrp="1"/>
          </p:cNvSpPr>
          <p:nvPr>
            <p:ph type="body" sz="quarter" idx="18" hasCustomPrompt="1"/>
          </p:nvPr>
        </p:nvSpPr>
        <p:spPr>
          <a:xfrm>
            <a:off x="7900335" y="4450739"/>
            <a:ext cx="3454128" cy="1786036"/>
          </a:xfrm>
        </p:spPr>
        <p:txBody>
          <a:bodyPr lIns="0" tIns="0" rIns="0" bIns="0"/>
          <a:lstStyle>
            <a:lvl1pPr marL="0" indent="0">
              <a:lnSpc>
                <a:spcPct val="110000"/>
              </a:lnSpc>
              <a:spcBef>
                <a:spcPts val="0"/>
              </a:spcBef>
              <a:buNone/>
              <a:defRPr sz="1200" b="0" i="0">
                <a:latin typeface="+mn-lt"/>
              </a:defRPr>
            </a:lvl1pPr>
          </a:lstStyle>
          <a:p>
            <a:pPr lvl="0"/>
            <a:r>
              <a:rPr lang="en-GB"/>
              <a:t>What was the outcome? A concept, strategy, new service, digital solution etc? What value and/or positive impact did our work produce for our client and/or end-users of the outcome? Must fit in this text-box in size 12.</a:t>
            </a:r>
            <a:endParaRPr lang="en-FI"/>
          </a:p>
        </p:txBody>
      </p:sp>
      <p:sp>
        <p:nvSpPr>
          <p:cNvPr id="23" name="Text Placeholder 22">
            <a:extLst>
              <a:ext uri="{FF2B5EF4-FFF2-40B4-BE49-F238E27FC236}">
                <a16:creationId xmlns:a16="http://schemas.microsoft.com/office/drawing/2014/main" id="{998B876E-D113-314D-8009-72F81B679B65}"/>
              </a:ext>
            </a:extLst>
          </p:cNvPr>
          <p:cNvSpPr>
            <a:spLocks noGrp="1"/>
          </p:cNvSpPr>
          <p:nvPr>
            <p:ph type="body" sz="quarter" idx="13" hasCustomPrompt="1"/>
          </p:nvPr>
        </p:nvSpPr>
        <p:spPr>
          <a:xfrm>
            <a:off x="9696450" y="565150"/>
            <a:ext cx="2217820" cy="1784350"/>
          </a:xfrm>
        </p:spPr>
        <p:txBody>
          <a:bodyPr anchor="b"/>
          <a:lstStyle>
            <a:lvl1pPr marL="95250" indent="-95250">
              <a:spcBef>
                <a:spcPts val="0"/>
              </a:spcBef>
              <a:spcAft>
                <a:spcPts val="800"/>
              </a:spcAft>
              <a:tabLst/>
              <a:defRPr sz="1000" b="0" i="0">
                <a:latin typeface="+mn-lt"/>
              </a:defRPr>
            </a:lvl1pPr>
          </a:lstStyle>
          <a:p>
            <a:pPr lvl="0"/>
            <a:r>
              <a:rPr lang="en-GB"/>
              <a:t>What capabilities/skills was used in the project? Align bottom</a:t>
            </a:r>
            <a:endParaRPr lang="en-FI"/>
          </a:p>
        </p:txBody>
      </p:sp>
      <p:sp>
        <p:nvSpPr>
          <p:cNvPr id="5" name="Picture Placeholder 4">
            <a:extLst>
              <a:ext uri="{FF2B5EF4-FFF2-40B4-BE49-F238E27FC236}">
                <a16:creationId xmlns:a16="http://schemas.microsoft.com/office/drawing/2014/main" id="{B5A0FB53-D0A4-8B15-D962-3A54D25570EA}"/>
              </a:ext>
            </a:extLst>
          </p:cNvPr>
          <p:cNvSpPr>
            <a:spLocks noGrp="1"/>
          </p:cNvSpPr>
          <p:nvPr>
            <p:ph type="pic" sz="quarter" idx="22" hasCustomPrompt="1"/>
          </p:nvPr>
        </p:nvSpPr>
        <p:spPr>
          <a:xfrm>
            <a:off x="6302086" y="-89"/>
            <a:ext cx="3192463" cy="2550212"/>
          </a:xfrm>
          <a:prstGeom prst="rect">
            <a:avLst/>
          </a:prstGeom>
          <a:solidFill>
            <a:schemeClr val="bg2"/>
          </a:solidFill>
        </p:spPr>
        <p:txBody>
          <a:bodyPr anchor="ctr"/>
          <a:lstStyle>
            <a:lvl1pPr marL="0" indent="0" algn="ctr">
              <a:buNone/>
              <a:defRPr/>
            </a:lvl1pPr>
          </a:lstStyle>
          <a:p>
            <a:r>
              <a:rPr lang="en-FI"/>
              <a:t>Insert image</a:t>
            </a:r>
            <a:br>
              <a:rPr lang="en-FI"/>
            </a:br>
            <a:br>
              <a:rPr lang="en-FI"/>
            </a:br>
            <a:endParaRPr lang="en-FI"/>
          </a:p>
        </p:txBody>
      </p:sp>
      <p:pic>
        <p:nvPicPr>
          <p:cNvPr id="20" name="Graphic 19">
            <a:extLst>
              <a:ext uri="{FF2B5EF4-FFF2-40B4-BE49-F238E27FC236}">
                <a16:creationId xmlns:a16="http://schemas.microsoft.com/office/drawing/2014/main" id="{A3BBB045-17EA-3D18-6891-E8058A744F42}"/>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2" name="Freeform: Shape 19">
            <a:extLst>
              <a:ext uri="{FF2B5EF4-FFF2-40B4-BE49-F238E27FC236}">
                <a16:creationId xmlns:a16="http://schemas.microsoft.com/office/drawing/2014/main" id="{39377363-8EC2-0559-5620-E8652C1ADC1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solidFill>
          <a:ln w="2617" cap="flat">
            <a:noFill/>
            <a:prstDash val="solid"/>
            <a:miter/>
          </a:ln>
        </p:spPr>
        <p:txBody>
          <a:bodyPr rtlCol="0" anchor="ctr"/>
          <a:lstStyle/>
          <a:p>
            <a:endParaRPr lang="en-FI" sz="1351">
              <a:latin typeface="Cadiz Book" panose="00000500000000000000" pitchFamily="50" charset="0"/>
            </a:endParaRPr>
          </a:p>
        </p:txBody>
      </p:sp>
      <p:sp>
        <p:nvSpPr>
          <p:cNvPr id="4" name="Slide Number Placeholder 3">
            <a:extLst>
              <a:ext uri="{FF2B5EF4-FFF2-40B4-BE49-F238E27FC236}">
                <a16:creationId xmlns:a16="http://schemas.microsoft.com/office/drawing/2014/main" id="{28651988-458C-7A7B-1D6B-15264573C984}"/>
              </a:ext>
            </a:extLst>
          </p:cNvPr>
          <p:cNvSpPr>
            <a:spLocks noGrp="1"/>
          </p:cNvSpPr>
          <p:nvPr>
            <p:ph type="sldNum" sz="quarter" idx="21"/>
          </p:nvPr>
        </p:nvSpPr>
        <p:spPr/>
        <p:txBody>
          <a:bodyPr/>
          <a:lstStyle/>
          <a:p>
            <a:fld id="{B64FCF4A-2F3F-4397-9C44-D2344643394B}" type="slidenum">
              <a:rPr lang="fi-FI" smtClean="0"/>
              <a:pPr/>
              <a:t>‹#›</a:t>
            </a:fld>
            <a:endParaRPr lang="fi-FI"/>
          </a:p>
        </p:txBody>
      </p:sp>
      <p:sp>
        <p:nvSpPr>
          <p:cNvPr id="8" name="Text Placeholder 7">
            <a:extLst>
              <a:ext uri="{FF2B5EF4-FFF2-40B4-BE49-F238E27FC236}">
                <a16:creationId xmlns:a16="http://schemas.microsoft.com/office/drawing/2014/main" id="{9EA99C6C-595D-6555-7678-286917917835}"/>
              </a:ext>
            </a:extLst>
          </p:cNvPr>
          <p:cNvSpPr>
            <a:spLocks noGrp="1"/>
          </p:cNvSpPr>
          <p:nvPr>
            <p:ph type="body" sz="quarter" idx="23" hasCustomPrompt="1"/>
          </p:nvPr>
        </p:nvSpPr>
        <p:spPr>
          <a:xfrm>
            <a:off x="693737" y="4181844"/>
            <a:ext cx="3383779" cy="226084"/>
          </a:xfrm>
        </p:spPr>
        <p:txBody>
          <a:bodyPr/>
          <a:lstStyle>
            <a:lvl1pPr marL="7937" indent="0">
              <a:buNone/>
              <a:defRPr sz="1000" cap="all" spc="50" baseline="0">
                <a:solidFill>
                  <a:schemeClr val="accent1"/>
                </a:solidFill>
                <a:latin typeface="Cadiz SemiBold" pitchFamily="2" charset="77"/>
              </a:defRPr>
            </a:lvl1pPr>
          </a:lstStyle>
          <a:p>
            <a:pPr lvl="0"/>
            <a:r>
              <a:rPr lang="en-GB"/>
              <a:t>Challenge / objective</a:t>
            </a:r>
            <a:endParaRPr lang="en-FI"/>
          </a:p>
        </p:txBody>
      </p:sp>
      <p:sp>
        <p:nvSpPr>
          <p:cNvPr id="9" name="Text Placeholder 7">
            <a:extLst>
              <a:ext uri="{FF2B5EF4-FFF2-40B4-BE49-F238E27FC236}">
                <a16:creationId xmlns:a16="http://schemas.microsoft.com/office/drawing/2014/main" id="{7E02B98F-62E7-4502-D77B-892D4DCAFB9E}"/>
              </a:ext>
            </a:extLst>
          </p:cNvPr>
          <p:cNvSpPr>
            <a:spLocks noGrp="1"/>
          </p:cNvSpPr>
          <p:nvPr>
            <p:ph type="body" sz="quarter" idx="24" hasCustomPrompt="1"/>
          </p:nvPr>
        </p:nvSpPr>
        <p:spPr>
          <a:xfrm>
            <a:off x="4309004" y="4181844"/>
            <a:ext cx="3383779" cy="226084"/>
          </a:xfrm>
        </p:spPr>
        <p:txBody>
          <a:bodyPr/>
          <a:lstStyle>
            <a:lvl1pPr marL="7937" indent="0">
              <a:buNone/>
              <a:defRPr sz="1000" cap="all" spc="50" baseline="0">
                <a:solidFill>
                  <a:schemeClr val="accent1"/>
                </a:solidFill>
                <a:latin typeface="Cadiz SemiBold" pitchFamily="2" charset="77"/>
              </a:defRPr>
            </a:lvl1pPr>
          </a:lstStyle>
          <a:p>
            <a:pPr lvl="0"/>
            <a:r>
              <a:rPr lang="en-GB"/>
              <a:t>approach</a:t>
            </a:r>
            <a:endParaRPr lang="en-FI"/>
          </a:p>
        </p:txBody>
      </p:sp>
      <p:sp>
        <p:nvSpPr>
          <p:cNvPr id="10" name="Text Placeholder 7">
            <a:extLst>
              <a:ext uri="{FF2B5EF4-FFF2-40B4-BE49-F238E27FC236}">
                <a16:creationId xmlns:a16="http://schemas.microsoft.com/office/drawing/2014/main" id="{49B91E11-B420-AF5C-F5E4-BA603DDDC994}"/>
              </a:ext>
            </a:extLst>
          </p:cNvPr>
          <p:cNvSpPr>
            <a:spLocks noGrp="1"/>
          </p:cNvSpPr>
          <p:nvPr>
            <p:ph type="body" sz="quarter" idx="25" hasCustomPrompt="1"/>
          </p:nvPr>
        </p:nvSpPr>
        <p:spPr>
          <a:xfrm>
            <a:off x="7907337" y="4181844"/>
            <a:ext cx="3383779" cy="226084"/>
          </a:xfrm>
        </p:spPr>
        <p:txBody>
          <a:bodyPr/>
          <a:lstStyle>
            <a:lvl1pPr marL="7937" indent="0">
              <a:buNone/>
              <a:defRPr sz="1000" cap="all" spc="50" baseline="0">
                <a:solidFill>
                  <a:schemeClr val="accent1"/>
                </a:solidFill>
                <a:latin typeface="Cadiz SemiBold" pitchFamily="2" charset="77"/>
              </a:defRPr>
            </a:lvl1pPr>
          </a:lstStyle>
          <a:p>
            <a:pPr lvl="0"/>
            <a:r>
              <a:rPr lang="en-GB"/>
              <a:t>Outcome / results</a:t>
            </a:r>
            <a:endParaRPr lang="en-FI"/>
          </a:p>
        </p:txBody>
      </p:sp>
    </p:spTree>
    <p:extLst>
      <p:ext uri="{BB962C8B-B14F-4D97-AF65-F5344CB8AC3E}">
        <p14:creationId xmlns:p14="http://schemas.microsoft.com/office/powerpoint/2010/main" val="105710159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ase 1-slider, simple">
    <p:spTree>
      <p:nvGrpSpPr>
        <p:cNvPr id="1" name=""/>
        <p:cNvGrpSpPr/>
        <p:nvPr/>
      </p:nvGrpSpPr>
      <p:grpSpPr>
        <a:xfrm>
          <a:off x="0" y="0"/>
          <a:ext cx="0" cy="0"/>
          <a:chOff x="0" y="0"/>
          <a:chExt cx="0" cy="0"/>
        </a:xfrm>
      </p:grpSpPr>
      <p:pic>
        <p:nvPicPr>
          <p:cNvPr id="2" name="Graphic 1">
            <a:extLst>
              <a:ext uri="{FF2B5EF4-FFF2-40B4-BE49-F238E27FC236}">
                <a16:creationId xmlns:a16="http://schemas.microsoft.com/office/drawing/2014/main" id="{A49216B1-41F1-2A91-AAA2-E1A8D45E7B3C}"/>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r="22713" b="15955"/>
          <a:stretch/>
        </p:blipFill>
        <p:spPr>
          <a:xfrm rot="16200000" flipH="1">
            <a:off x="8998673" y="3664675"/>
            <a:ext cx="2962186" cy="3424469"/>
          </a:xfrm>
          <a:prstGeom prst="rect">
            <a:avLst/>
          </a:prstGeom>
        </p:spPr>
      </p:pic>
      <p:sp>
        <p:nvSpPr>
          <p:cNvPr id="19" name="Text Placeholder 18">
            <a:extLst>
              <a:ext uri="{FF2B5EF4-FFF2-40B4-BE49-F238E27FC236}">
                <a16:creationId xmlns:a16="http://schemas.microsoft.com/office/drawing/2014/main" id="{60867568-A253-1445-8EEF-7325604A5378}"/>
              </a:ext>
            </a:extLst>
          </p:cNvPr>
          <p:cNvSpPr>
            <a:spLocks noGrp="1"/>
          </p:cNvSpPr>
          <p:nvPr>
            <p:ph type="body" sz="quarter" idx="11" hasCustomPrompt="1"/>
          </p:nvPr>
        </p:nvSpPr>
        <p:spPr>
          <a:xfrm>
            <a:off x="674920" y="620712"/>
            <a:ext cx="5265821" cy="1385169"/>
          </a:xfrm>
        </p:spPr>
        <p:txBody>
          <a:bodyPr lIns="0" tIns="0" rIns="0" bIns="0" anchor="b"/>
          <a:lstStyle>
            <a:lvl1pPr marL="0" indent="0">
              <a:lnSpc>
                <a:spcPct val="90000"/>
              </a:lnSpc>
              <a:spcBef>
                <a:spcPts val="0"/>
              </a:spcBef>
              <a:buNone/>
              <a:defRPr sz="3000" b="0" i="0" spc="-50" baseline="0">
                <a:solidFill>
                  <a:schemeClr val="tx1"/>
                </a:solidFill>
                <a:latin typeface="+mj-lt"/>
              </a:defRPr>
            </a:lvl1pPr>
          </a:lstStyle>
          <a:p>
            <a:pPr lvl="0"/>
            <a:r>
              <a:rPr lang="en-GB"/>
              <a:t>Click to insert a descriptive, attention raising headline</a:t>
            </a:r>
            <a:endParaRPr lang="en-FI"/>
          </a:p>
        </p:txBody>
      </p:sp>
      <p:sp>
        <p:nvSpPr>
          <p:cNvPr id="18" name="Text Placeholder 3">
            <a:extLst>
              <a:ext uri="{FF2B5EF4-FFF2-40B4-BE49-F238E27FC236}">
                <a16:creationId xmlns:a16="http://schemas.microsoft.com/office/drawing/2014/main" id="{E545FFB3-BA8B-04AB-6C3B-468DA53037F6}"/>
              </a:ext>
            </a:extLst>
          </p:cNvPr>
          <p:cNvSpPr>
            <a:spLocks noGrp="1"/>
          </p:cNvSpPr>
          <p:nvPr>
            <p:ph type="body" sz="quarter" idx="19" hasCustomPrompt="1"/>
          </p:nvPr>
        </p:nvSpPr>
        <p:spPr>
          <a:xfrm>
            <a:off x="695326" y="341037"/>
            <a:ext cx="5265735"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INSERT CUSTOMER NAME – WRITE WITH CAPITAL LETTERS</a:t>
            </a:r>
            <a:endParaRPr lang="en-FI"/>
          </a:p>
        </p:txBody>
      </p:sp>
      <p:sp>
        <p:nvSpPr>
          <p:cNvPr id="6" name="Content Placeholder 6">
            <a:extLst>
              <a:ext uri="{FF2B5EF4-FFF2-40B4-BE49-F238E27FC236}">
                <a16:creationId xmlns:a16="http://schemas.microsoft.com/office/drawing/2014/main" id="{25A3A9BF-8A6E-3501-54EB-C5B8CD74A778}"/>
              </a:ext>
            </a:extLst>
          </p:cNvPr>
          <p:cNvSpPr>
            <a:spLocks noGrp="1"/>
          </p:cNvSpPr>
          <p:nvPr>
            <p:ph sz="quarter" idx="28" hasCustomPrompt="1"/>
          </p:nvPr>
        </p:nvSpPr>
        <p:spPr>
          <a:xfrm>
            <a:off x="695325" y="2265365"/>
            <a:ext cx="5265735" cy="768391"/>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short description of the case, what’s essential/interesting with what was done, achieved or discovered</a:t>
            </a:r>
          </a:p>
        </p:txBody>
      </p:sp>
      <p:sp>
        <p:nvSpPr>
          <p:cNvPr id="35" name="Text Placeholder 34">
            <a:extLst>
              <a:ext uri="{FF2B5EF4-FFF2-40B4-BE49-F238E27FC236}">
                <a16:creationId xmlns:a16="http://schemas.microsoft.com/office/drawing/2014/main" id="{DCA457F7-3488-7148-8F40-15B65AE58894}"/>
              </a:ext>
            </a:extLst>
          </p:cNvPr>
          <p:cNvSpPr>
            <a:spLocks noGrp="1"/>
          </p:cNvSpPr>
          <p:nvPr>
            <p:ph type="body" sz="quarter" idx="16" hasCustomPrompt="1"/>
          </p:nvPr>
        </p:nvSpPr>
        <p:spPr>
          <a:xfrm>
            <a:off x="695238" y="3243231"/>
            <a:ext cx="4372417" cy="2994058"/>
          </a:xfrm>
        </p:spPr>
        <p:txBody>
          <a:bodyPr lIns="0" tIns="0" rIns="0" bIns="0"/>
          <a:lstStyle>
            <a:lvl1pPr marL="0" indent="0">
              <a:lnSpc>
                <a:spcPct val="110000"/>
              </a:lnSpc>
              <a:spcBef>
                <a:spcPts val="0"/>
              </a:spcBef>
              <a:buNone/>
              <a:defRPr sz="1400" b="0" i="0" spc="-40" baseline="0">
                <a:latin typeface="+mn-lt"/>
              </a:defRPr>
            </a:lvl1pPr>
          </a:lstStyle>
          <a:p>
            <a:pPr lvl="0"/>
            <a:r>
              <a:rPr lang="en-GB"/>
              <a:t>Describe the project in short. What the problem or challenge was the project set out to solve, or explain the objectives for it, how did we approach it and what was the outcome/achievements/benefits to client</a:t>
            </a:r>
            <a:endParaRPr lang="en-FI"/>
          </a:p>
        </p:txBody>
      </p:sp>
      <p:sp>
        <p:nvSpPr>
          <p:cNvPr id="8" name="Picture Placeholder 7">
            <a:extLst>
              <a:ext uri="{FF2B5EF4-FFF2-40B4-BE49-F238E27FC236}">
                <a16:creationId xmlns:a16="http://schemas.microsoft.com/office/drawing/2014/main" id="{A0645FCC-C920-4918-6746-652985A04010}"/>
              </a:ext>
            </a:extLst>
          </p:cNvPr>
          <p:cNvSpPr>
            <a:spLocks noGrp="1"/>
          </p:cNvSpPr>
          <p:nvPr>
            <p:ph type="pic" sz="quarter" idx="30" hasCustomPrompt="1"/>
          </p:nvPr>
        </p:nvSpPr>
        <p:spPr>
          <a:xfrm>
            <a:off x="6251575" y="717550"/>
            <a:ext cx="5245100" cy="5519738"/>
          </a:xfrm>
          <a:prstGeom prst="rect">
            <a:avLst/>
          </a:prstGeom>
          <a:solidFill>
            <a:schemeClr val="bg2"/>
          </a:solidFill>
        </p:spPr>
        <p:txBody>
          <a:bodyPr anchor="ctr"/>
          <a:lstStyle>
            <a:lvl1pPr marL="0" indent="0" algn="ctr">
              <a:buNone/>
              <a:defRPr/>
            </a:lvl1pPr>
          </a:lstStyle>
          <a:p>
            <a:r>
              <a:rPr lang="en-FI"/>
              <a:t>Insert image</a:t>
            </a:r>
            <a:br>
              <a:rPr lang="en-FI"/>
            </a:br>
            <a:br>
              <a:rPr lang="en-FI"/>
            </a:br>
            <a:endParaRPr lang="en-FI"/>
          </a:p>
        </p:txBody>
      </p:sp>
      <p:pic>
        <p:nvPicPr>
          <p:cNvPr id="20" name="Graphic 19">
            <a:extLst>
              <a:ext uri="{FF2B5EF4-FFF2-40B4-BE49-F238E27FC236}">
                <a16:creationId xmlns:a16="http://schemas.microsoft.com/office/drawing/2014/main" id="{A3BBB045-17EA-3D18-6891-E8058A744F42}"/>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8241" y="215351"/>
            <a:ext cx="262466" cy="289618"/>
          </a:xfrm>
          <a:prstGeom prst="rect">
            <a:avLst/>
          </a:prstGeom>
        </p:spPr>
      </p:pic>
      <p:sp>
        <p:nvSpPr>
          <p:cNvPr id="9" name="Picture Placeholder 7">
            <a:extLst>
              <a:ext uri="{FF2B5EF4-FFF2-40B4-BE49-F238E27FC236}">
                <a16:creationId xmlns:a16="http://schemas.microsoft.com/office/drawing/2014/main" id="{06654ED0-AFD2-16D9-48B0-EE2DA3FE83C3}"/>
              </a:ext>
            </a:extLst>
          </p:cNvPr>
          <p:cNvSpPr>
            <a:spLocks noGrp="1"/>
          </p:cNvSpPr>
          <p:nvPr>
            <p:ph type="pic" sz="quarter" idx="31" hasCustomPrompt="1"/>
          </p:nvPr>
        </p:nvSpPr>
        <p:spPr>
          <a:xfrm>
            <a:off x="5214711" y="4292599"/>
            <a:ext cx="2681514" cy="2614159"/>
          </a:xfrm>
          <a:prstGeom prst="rect">
            <a:avLst/>
          </a:prstGeom>
          <a:solidFill>
            <a:schemeClr val="bg2"/>
          </a:solidFill>
        </p:spPr>
        <p:txBody>
          <a:bodyPr anchor="ctr"/>
          <a:lstStyle>
            <a:lvl1pPr marL="0" indent="0" algn="ctr">
              <a:buNone/>
              <a:defRPr/>
            </a:lvl1pPr>
          </a:lstStyle>
          <a:p>
            <a:r>
              <a:rPr lang="en-FI"/>
              <a:t>Insert image (delete if not needed)</a:t>
            </a:r>
            <a:br>
              <a:rPr lang="en-FI"/>
            </a:br>
            <a:br>
              <a:rPr lang="en-FI"/>
            </a:br>
            <a:br>
              <a:rPr lang="en-FI"/>
            </a:br>
            <a:endParaRPr lang="en-FI"/>
          </a:p>
        </p:txBody>
      </p:sp>
      <p:sp>
        <p:nvSpPr>
          <p:cNvPr id="5" name="Footer Placeholder 1">
            <a:extLst>
              <a:ext uri="{FF2B5EF4-FFF2-40B4-BE49-F238E27FC236}">
                <a16:creationId xmlns:a16="http://schemas.microsoft.com/office/drawing/2014/main" id="{4596374C-2C96-C0A8-697C-288BD164DF71}"/>
              </a:ext>
            </a:extLst>
          </p:cNvPr>
          <p:cNvSpPr>
            <a:spLocks noGrp="1"/>
          </p:cNvSpPr>
          <p:nvPr>
            <p:ph type="ftr" sz="quarter" idx="27"/>
          </p:nvPr>
        </p:nvSpPr>
        <p:spPr>
          <a:xfrm rot="5400000">
            <a:off x="11055956" y="1394359"/>
            <a:ext cx="1577694" cy="224310"/>
          </a:xfrm>
        </p:spPr>
        <p:txBody>
          <a:bodyPr/>
          <a:lstStyle/>
          <a:p>
            <a:r>
              <a:rPr lang="fi-FI"/>
              <a:t>CONFIDENTIAL</a:t>
            </a:r>
          </a:p>
        </p:txBody>
      </p:sp>
      <p:sp>
        <p:nvSpPr>
          <p:cNvPr id="4" name="Slide Number Placeholder 3">
            <a:extLst>
              <a:ext uri="{FF2B5EF4-FFF2-40B4-BE49-F238E27FC236}">
                <a16:creationId xmlns:a16="http://schemas.microsoft.com/office/drawing/2014/main" id="{28651988-458C-7A7B-1D6B-15264573C984}"/>
              </a:ext>
            </a:extLst>
          </p:cNvPr>
          <p:cNvSpPr>
            <a:spLocks noGrp="1"/>
          </p:cNvSpPr>
          <p:nvPr>
            <p:ph type="sldNum" sz="quarter" idx="21"/>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6C62D336-2B29-6209-247A-FE7685F1B3B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03839008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Cover slide rectangular picture">
    <p:bg>
      <p:bgPr>
        <a:solidFill>
          <a:schemeClr val="accent5"/>
        </a:solidFill>
        <a:effectLst/>
      </p:bgPr>
    </p:bg>
    <p:spTree>
      <p:nvGrpSpPr>
        <p:cNvPr id="1" name=""/>
        <p:cNvGrpSpPr/>
        <p:nvPr/>
      </p:nvGrpSpPr>
      <p:grpSpPr>
        <a:xfrm>
          <a:off x="0" y="0"/>
          <a:ext cx="0" cy="0"/>
          <a:chOff x="0" y="0"/>
          <a:chExt cx="0" cy="0"/>
        </a:xfrm>
      </p:grpSpPr>
      <p:pic>
        <p:nvPicPr>
          <p:cNvPr id="7" name="Graphic 6">
            <a:extLst>
              <a:ext uri="{FF2B5EF4-FFF2-40B4-BE49-F238E27FC236}">
                <a16:creationId xmlns:a16="http://schemas.microsoft.com/office/drawing/2014/main" id="{281DD11C-4C17-5EDD-E765-F9AF459A25E1}"/>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8508663">
            <a:off x="3210385" y="2545135"/>
            <a:ext cx="5809741" cy="5736279"/>
          </a:xfrm>
          <a:prstGeom prst="rect">
            <a:avLst/>
          </a:prstGeom>
        </p:spPr>
      </p:pic>
      <p:sp>
        <p:nvSpPr>
          <p:cNvPr id="2" name="Title 1">
            <a:extLst>
              <a:ext uri="{FF2B5EF4-FFF2-40B4-BE49-F238E27FC236}">
                <a16:creationId xmlns:a16="http://schemas.microsoft.com/office/drawing/2014/main" id="{CA484FC8-E7C3-6630-77B2-9E3517895AC1}"/>
              </a:ext>
            </a:extLst>
          </p:cNvPr>
          <p:cNvSpPr>
            <a:spLocks noGrp="1"/>
          </p:cNvSpPr>
          <p:nvPr>
            <p:ph type="title" hasCustomPrompt="1"/>
          </p:nvPr>
        </p:nvSpPr>
        <p:spPr>
          <a:xfrm>
            <a:off x="675005" y="1442147"/>
            <a:ext cx="5593715" cy="3067577"/>
          </a:xfrm>
        </p:spPr>
        <p:txBody>
          <a:bodyPr/>
          <a:lstStyle>
            <a:lvl1pPr>
              <a:defRPr sz="6000" b="0" i="0">
                <a:latin typeface="Messina Modern Book" pitchFamily="2" charset="77"/>
              </a:defRPr>
            </a:lvl1pPr>
          </a:lstStyle>
          <a:p>
            <a:r>
              <a:rPr lang="en-US"/>
              <a:t>Insert presentation title</a:t>
            </a:r>
            <a:endParaRPr lang="en-GB"/>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09725"/>
            <a:ext cx="4057095" cy="1000095"/>
          </a:xfrm>
          <a:prstGeom prst="rect">
            <a:avLst/>
          </a:prstGeom>
        </p:spPr>
        <p:txBody>
          <a:bodyPr lIns="0" rIns="0">
            <a:noAutofit/>
          </a:bodyPr>
          <a:lstStyle>
            <a:lvl1pPr marL="0" indent="0" algn="l">
              <a:buNone/>
              <a:defRPr sz="1800" b="0" i="0" spc="-50" baseline="0">
                <a:solidFill>
                  <a:srgbClr val="0F3D51"/>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6" name="Text Placeholder 5">
            <a:extLst>
              <a:ext uri="{FF2B5EF4-FFF2-40B4-BE49-F238E27FC236}">
                <a16:creationId xmlns:a16="http://schemas.microsoft.com/office/drawing/2014/main" id="{253B7BA6-9B5B-EE9A-7EA6-F81662C53BBA}"/>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rgbClr val="0F3D51"/>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sp>
        <p:nvSpPr>
          <p:cNvPr id="3" name="Picture Placeholder 2">
            <a:extLst>
              <a:ext uri="{FF2B5EF4-FFF2-40B4-BE49-F238E27FC236}">
                <a16:creationId xmlns:a16="http://schemas.microsoft.com/office/drawing/2014/main" id="{6A25DF68-48F4-6914-FC15-3C215C228FA8}"/>
              </a:ext>
            </a:extLst>
          </p:cNvPr>
          <p:cNvSpPr>
            <a:spLocks noGrp="1"/>
          </p:cNvSpPr>
          <p:nvPr>
            <p:ph type="pic" sz="quarter" idx="16" hasCustomPrompt="1"/>
          </p:nvPr>
        </p:nvSpPr>
        <p:spPr>
          <a:xfrm>
            <a:off x="5517714" y="879475"/>
            <a:ext cx="6244073" cy="5003800"/>
          </a:xfrm>
          <a:prstGeom prst="rect">
            <a:avLst/>
          </a:prstGeom>
          <a:solidFill>
            <a:schemeClr val="accent4"/>
          </a:solidFill>
        </p:spPr>
        <p:txBody>
          <a:bodyPr anchor="ctr"/>
          <a:lstStyle>
            <a:lvl1pPr marL="0" indent="0" algn="ctr">
              <a:buNone/>
              <a:defRPr/>
            </a:lvl1pPr>
          </a:lstStyle>
          <a:p>
            <a:r>
              <a:rPr lang="en-FI"/>
              <a:t>Insert image</a:t>
            </a:r>
            <a:br>
              <a:rPr lang="en-FI"/>
            </a:br>
            <a:br>
              <a:rPr lang="en-FI"/>
            </a:br>
            <a:br>
              <a:rPr lang="en-FI"/>
            </a:br>
            <a:endParaRPr lang="en-FI"/>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999088939"/>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simple">
    <p:bg>
      <p:bgPr>
        <a:solidFill>
          <a:srgbClr val="0F3D51"/>
        </a:solidFill>
        <a:effectLst/>
      </p:bgPr>
    </p:bg>
    <p:spTree>
      <p:nvGrpSpPr>
        <p:cNvPr id="1" name=""/>
        <p:cNvGrpSpPr/>
        <p:nvPr/>
      </p:nvGrpSpPr>
      <p:grpSpPr>
        <a:xfrm>
          <a:off x="0" y="0"/>
          <a:ext cx="0" cy="0"/>
          <a:chOff x="0" y="0"/>
          <a:chExt cx="0" cy="0"/>
        </a:xfrm>
      </p:grpSpPr>
      <p:pic>
        <p:nvPicPr>
          <p:cNvPr id="12" name="Graphic 11">
            <a:extLst>
              <a:ext uri="{FF2B5EF4-FFF2-40B4-BE49-F238E27FC236}">
                <a16:creationId xmlns:a16="http://schemas.microsoft.com/office/drawing/2014/main" id="{FF92DBB4-3716-43FC-48A7-2CAA729C7AD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5290160">
            <a:off x="4657039" y="1785236"/>
            <a:ext cx="2955598" cy="3142116"/>
          </a:xfrm>
          <a:prstGeom prst="rect">
            <a:avLst/>
          </a:prstGeom>
        </p:spPr>
      </p:pic>
      <p:pic>
        <p:nvPicPr>
          <p:cNvPr id="6" name="Graphic 5" descr="Gofore logo">
            <a:extLst>
              <a:ext uri="{FF2B5EF4-FFF2-40B4-BE49-F238E27FC236}">
                <a16:creationId xmlns:a16="http://schemas.microsoft.com/office/drawing/2014/main" id="{D68DCDD4-053F-EBAD-53CC-D12797AFCD68}"/>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9957482" y="6030559"/>
            <a:ext cx="1676625" cy="283573"/>
          </a:xfrm>
          <a:prstGeom prst="rect">
            <a:avLst/>
          </a:prstGeom>
        </p:spPr>
      </p:pic>
      <p:sp>
        <p:nvSpPr>
          <p:cNvPr id="4" name="TextBox 3">
            <a:extLst>
              <a:ext uri="{FF2B5EF4-FFF2-40B4-BE49-F238E27FC236}">
                <a16:creationId xmlns:a16="http://schemas.microsoft.com/office/drawing/2014/main" id="{D4D206E5-ACBE-F4FA-44FE-BD5BCBE2D136}"/>
              </a:ext>
            </a:extLst>
          </p:cNvPr>
          <p:cNvSpPr txBox="1"/>
          <p:nvPr userDrawn="1"/>
        </p:nvSpPr>
        <p:spPr>
          <a:xfrm>
            <a:off x="914400" y="873761"/>
            <a:ext cx="5455920" cy="304698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6000" b="0" i="0" u="none" strike="noStrike" kern="1200" cap="none" spc="-100" normalizeH="0" baseline="0" noProof="0">
                <a:ln>
                  <a:noFill/>
                </a:ln>
                <a:solidFill>
                  <a:srgbClr val="FFFFFF"/>
                </a:solidFill>
                <a:effectLst/>
                <a:uLnTx/>
                <a:uFillTx/>
                <a:latin typeface="Cadiz SemiBold"/>
                <a:ea typeface="+mn-ea"/>
                <a:cs typeface="+mn-cs"/>
              </a:rPr>
              <a:t>Pioneering </a:t>
            </a:r>
            <a:br>
              <a:rPr kumimoji="0" lang="en-US" sz="6000" b="0" i="0" u="none" strike="noStrike" kern="1200" cap="none" spc="-100" normalizeH="0" baseline="0" noProof="0">
                <a:ln>
                  <a:noFill/>
                </a:ln>
                <a:solidFill>
                  <a:srgbClr val="FFFFFF"/>
                </a:solidFill>
                <a:effectLst/>
                <a:uLnTx/>
                <a:uFillTx/>
                <a:latin typeface="Cadiz SemiBold"/>
                <a:ea typeface="+mn-ea"/>
                <a:cs typeface="+mn-cs"/>
              </a:rPr>
            </a:br>
            <a:r>
              <a:rPr kumimoji="0" lang="en-US" sz="6000" b="0" i="0" u="none" strike="noStrike" kern="1200" cap="none" spc="-100" normalizeH="0" baseline="0" noProof="0">
                <a:ln>
                  <a:noFill/>
                </a:ln>
                <a:solidFill>
                  <a:srgbClr val="FFFFFF"/>
                </a:solidFill>
                <a:effectLst/>
                <a:uLnTx/>
                <a:uFillTx/>
                <a:latin typeface="Cadiz SemiBold"/>
                <a:ea typeface="+mn-ea"/>
                <a:cs typeface="+mn-cs"/>
              </a:rPr>
              <a:t>an ethical digital world.</a:t>
            </a:r>
            <a:endParaRPr kumimoji="0" lang="en-FI" sz="6000" b="0" i="0" u="none" strike="noStrike" kern="1200" cap="none" spc="-100" normalizeH="0" baseline="0" noProof="0">
              <a:ln>
                <a:noFill/>
              </a:ln>
              <a:solidFill>
                <a:srgbClr val="FFFFFF"/>
              </a:solidFill>
              <a:effectLst/>
              <a:uLnTx/>
              <a:uFillTx/>
              <a:latin typeface="Cadiz SemiBold"/>
              <a:ea typeface="+mn-ea"/>
              <a:cs typeface="+mn-cs"/>
            </a:endParaRPr>
          </a:p>
          <a:p>
            <a:pPr marL="141288" indent="-141288" algn="l">
              <a:spcAft>
                <a:spcPts val="600"/>
              </a:spcAft>
              <a:buClr>
                <a:schemeClr val="accent1"/>
              </a:buClr>
              <a:buSzPct val="95000"/>
              <a:buFont typeface="Arial" panose="020B0604020202020204" pitchFamily="34" charset="0"/>
              <a:buChar char="•"/>
            </a:pPr>
            <a:endParaRPr lang="en-FI" kern="800" spc="-30"/>
          </a:p>
        </p:txBody>
      </p:sp>
    </p:spTree>
    <p:extLst>
      <p:ext uri="{BB962C8B-B14F-4D97-AF65-F5344CB8AC3E}">
        <p14:creationId xmlns:p14="http://schemas.microsoft.com/office/powerpoint/2010/main" val="270415252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53" presetClass="entr" presetSubtype="16" fill="hold" nodeType="after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p:cTn id="7" dur="300" fill="hold"/>
                                        <p:tgtEl>
                                          <p:spTgt spid="12"/>
                                        </p:tgtEl>
                                        <p:attrNameLst>
                                          <p:attrName>ppt_w</p:attrName>
                                        </p:attrNameLst>
                                      </p:cBhvr>
                                      <p:tavLst>
                                        <p:tav tm="0">
                                          <p:val>
                                            <p:fltVal val="0"/>
                                          </p:val>
                                        </p:tav>
                                        <p:tav tm="100000">
                                          <p:val>
                                            <p:strVal val="#ppt_w"/>
                                          </p:val>
                                        </p:tav>
                                      </p:tavLst>
                                    </p:anim>
                                    <p:anim calcmode="lin" valueType="num">
                                      <p:cBhvr>
                                        <p:cTn id="8" dur="300" fill="hold"/>
                                        <p:tgtEl>
                                          <p:spTgt spid="12"/>
                                        </p:tgtEl>
                                        <p:attrNameLst>
                                          <p:attrName>ppt_h</p:attrName>
                                        </p:attrNameLst>
                                      </p:cBhvr>
                                      <p:tavLst>
                                        <p:tav tm="0">
                                          <p:val>
                                            <p:fltVal val="0"/>
                                          </p:val>
                                        </p:tav>
                                        <p:tav tm="100000">
                                          <p:val>
                                            <p:strVal val="#ppt_h"/>
                                          </p:val>
                                        </p:tav>
                                      </p:tavLst>
                                    </p:anim>
                                    <p:animEffect transition="in" filter="fade">
                                      <p:cBhvr>
                                        <p:cTn id="9" dur="300"/>
                                        <p:tgtEl>
                                          <p:spTgt spid="12"/>
                                        </p:tgtEl>
                                      </p:cBhvr>
                                    </p:animEffect>
                                  </p:childTnLst>
                                </p:cTn>
                              </p:par>
                            </p:childTnLst>
                          </p:cTn>
                        </p:par>
                        <p:par>
                          <p:cTn id="10" fill="hold">
                            <p:stCondLst>
                              <p:cond delay="300"/>
                            </p:stCondLst>
                            <p:childTnLst>
                              <p:par>
                                <p:cTn id="11" presetID="32" presetClass="emph" presetSubtype="0" repeatCount="indefinite" nodeType="afterEffect">
                                  <p:stCondLst>
                                    <p:cond delay="0"/>
                                  </p:stCondLst>
                                  <p:endCondLst>
                                    <p:cond evt="onNext" delay="0">
                                      <p:tgtEl>
                                        <p:sldTgt/>
                                      </p:tgtEl>
                                    </p:cond>
                                  </p:endCondLst>
                                  <p:childTnLst>
                                    <p:animRot by="120000">
                                      <p:cBhvr>
                                        <p:cTn id="12" dur="200" fill="hold">
                                          <p:stCondLst>
                                            <p:cond delay="0"/>
                                          </p:stCondLst>
                                        </p:cTn>
                                        <p:tgtEl>
                                          <p:spTgt spid="12"/>
                                        </p:tgtEl>
                                        <p:attrNameLst>
                                          <p:attrName>r</p:attrName>
                                        </p:attrNameLst>
                                      </p:cBhvr>
                                    </p:animRot>
                                    <p:animRot by="-240000">
                                      <p:cBhvr>
                                        <p:cTn id="13" dur="400" fill="hold">
                                          <p:stCondLst>
                                            <p:cond delay="400"/>
                                          </p:stCondLst>
                                        </p:cTn>
                                        <p:tgtEl>
                                          <p:spTgt spid="12"/>
                                        </p:tgtEl>
                                        <p:attrNameLst>
                                          <p:attrName>r</p:attrName>
                                        </p:attrNameLst>
                                      </p:cBhvr>
                                    </p:animRot>
                                    <p:animRot by="240000">
                                      <p:cBhvr>
                                        <p:cTn id="14" dur="400" fill="hold">
                                          <p:stCondLst>
                                            <p:cond delay="800"/>
                                          </p:stCondLst>
                                        </p:cTn>
                                        <p:tgtEl>
                                          <p:spTgt spid="12"/>
                                        </p:tgtEl>
                                        <p:attrNameLst>
                                          <p:attrName>r</p:attrName>
                                        </p:attrNameLst>
                                      </p:cBhvr>
                                    </p:animRot>
                                    <p:animRot by="-240000">
                                      <p:cBhvr>
                                        <p:cTn id="15" dur="400" fill="hold">
                                          <p:stCondLst>
                                            <p:cond delay="1200"/>
                                          </p:stCondLst>
                                        </p:cTn>
                                        <p:tgtEl>
                                          <p:spTgt spid="12"/>
                                        </p:tgtEl>
                                        <p:attrNameLst>
                                          <p:attrName>r</p:attrName>
                                        </p:attrNameLst>
                                      </p:cBhvr>
                                    </p:animRot>
                                    <p:animRot by="120000">
                                      <p:cBhvr>
                                        <p:cTn id="16" dur="400" fill="hold">
                                          <p:stCondLst>
                                            <p:cond delay="1600"/>
                                          </p:stCondLst>
                                        </p:cTn>
                                        <p:tgtEl>
                                          <p:spTgt spid="12"/>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 contact">
    <p:bg>
      <p:bgPr>
        <a:solidFill>
          <a:srgbClr val="0F3D51"/>
        </a:solidFill>
        <a:effectLst/>
      </p:bgPr>
    </p:bg>
    <p:spTree>
      <p:nvGrpSpPr>
        <p:cNvPr id="1" name=""/>
        <p:cNvGrpSpPr/>
        <p:nvPr/>
      </p:nvGrpSpPr>
      <p:grpSpPr>
        <a:xfrm>
          <a:off x="0" y="0"/>
          <a:ext cx="0" cy="0"/>
          <a:chOff x="0" y="0"/>
          <a:chExt cx="0" cy="0"/>
        </a:xfrm>
      </p:grpSpPr>
      <p:pic>
        <p:nvPicPr>
          <p:cNvPr id="12" name="Graphic 11">
            <a:extLst>
              <a:ext uri="{FF2B5EF4-FFF2-40B4-BE49-F238E27FC236}">
                <a16:creationId xmlns:a16="http://schemas.microsoft.com/office/drawing/2014/main" id="{FF92DBB4-3716-43FC-48A7-2CAA729C7AD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5290160">
            <a:off x="4657039" y="1785236"/>
            <a:ext cx="2955598" cy="3142116"/>
          </a:xfrm>
          <a:prstGeom prst="rect">
            <a:avLst/>
          </a:prstGeom>
        </p:spPr>
      </p:pic>
      <p:sp>
        <p:nvSpPr>
          <p:cNvPr id="4" name="Text Placeholder 3">
            <a:extLst>
              <a:ext uri="{FF2B5EF4-FFF2-40B4-BE49-F238E27FC236}">
                <a16:creationId xmlns:a16="http://schemas.microsoft.com/office/drawing/2014/main" id="{0434D86D-AE79-957F-D540-E0CB62BF5B48}"/>
              </a:ext>
            </a:extLst>
          </p:cNvPr>
          <p:cNvSpPr>
            <a:spLocks noGrp="1"/>
          </p:cNvSpPr>
          <p:nvPr>
            <p:ph type="body" sz="quarter" idx="10" hasCustomPrompt="1"/>
          </p:nvPr>
        </p:nvSpPr>
        <p:spPr>
          <a:xfrm>
            <a:off x="8787161" y="4659941"/>
            <a:ext cx="2846946" cy="283573"/>
          </a:xfrm>
          <a:prstGeom prst="rect">
            <a:avLst/>
          </a:prstGeom>
        </p:spPr>
        <p:txBody>
          <a:bodyPr lIns="0" tIns="0" rIns="0" bIns="0"/>
          <a:lstStyle>
            <a:lvl1pPr marL="0" indent="0" algn="r">
              <a:buNone/>
              <a:defRPr sz="1200">
                <a:solidFill>
                  <a:schemeClr val="bg2"/>
                </a:solidFill>
                <a:latin typeface="+mj-lt"/>
              </a:defRPr>
            </a:lvl1pPr>
          </a:lstStyle>
          <a:p>
            <a:pPr lvl="0"/>
            <a:r>
              <a:rPr lang="en-GB" err="1"/>
              <a:t>Firstname</a:t>
            </a:r>
            <a:r>
              <a:rPr lang="en-GB"/>
              <a:t> </a:t>
            </a:r>
            <a:r>
              <a:rPr lang="en-GB" err="1"/>
              <a:t>Lastname</a:t>
            </a:r>
            <a:endParaRPr lang="en-FI"/>
          </a:p>
        </p:txBody>
      </p:sp>
      <p:sp>
        <p:nvSpPr>
          <p:cNvPr id="7" name="Text Placeholder 6">
            <a:extLst>
              <a:ext uri="{FF2B5EF4-FFF2-40B4-BE49-F238E27FC236}">
                <a16:creationId xmlns:a16="http://schemas.microsoft.com/office/drawing/2014/main" id="{5F33C0C1-ADD3-6FC8-D076-C741FED9A473}"/>
              </a:ext>
            </a:extLst>
          </p:cNvPr>
          <p:cNvSpPr>
            <a:spLocks noGrp="1"/>
          </p:cNvSpPr>
          <p:nvPr>
            <p:ph type="body" sz="quarter" idx="11" hasCustomPrompt="1"/>
          </p:nvPr>
        </p:nvSpPr>
        <p:spPr>
          <a:xfrm>
            <a:off x="8794750" y="4943514"/>
            <a:ext cx="2840038" cy="765910"/>
          </a:xfrm>
          <a:prstGeom prst="rect">
            <a:avLst/>
          </a:prstGeom>
        </p:spPr>
        <p:txBody>
          <a:bodyPr lIns="0" tIns="0" rIns="0" bIns="0"/>
          <a:lstStyle>
            <a:lvl1pPr marL="0" indent="0" algn="r">
              <a:lnSpc>
                <a:spcPct val="120000"/>
              </a:lnSpc>
              <a:spcBef>
                <a:spcPts val="0"/>
              </a:spcBef>
              <a:buNone/>
              <a:defRPr sz="1000">
                <a:solidFill>
                  <a:schemeClr val="bg2"/>
                </a:solidFill>
                <a:latin typeface="+mn-lt"/>
              </a:defRPr>
            </a:lvl1pPr>
          </a:lstStyle>
          <a:p>
            <a:pPr lvl="0"/>
            <a:r>
              <a:rPr lang="en-FI"/>
              <a:t>Title, </a:t>
            </a:r>
            <a:r>
              <a:rPr lang="en-GB"/>
              <a:t>e</a:t>
            </a:r>
            <a:r>
              <a:rPr lang="en-FI"/>
              <a:t>-mail address &amp; telephone on separate rows</a:t>
            </a:r>
          </a:p>
        </p:txBody>
      </p:sp>
      <p:pic>
        <p:nvPicPr>
          <p:cNvPr id="6" name="Graphic 5" descr="Gofore logo">
            <a:extLst>
              <a:ext uri="{FF2B5EF4-FFF2-40B4-BE49-F238E27FC236}">
                <a16:creationId xmlns:a16="http://schemas.microsoft.com/office/drawing/2014/main" id="{D68DCDD4-053F-EBAD-53CC-D12797AFCD68}"/>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9957482" y="6030559"/>
            <a:ext cx="1676625" cy="283573"/>
          </a:xfrm>
          <a:prstGeom prst="rect">
            <a:avLst/>
          </a:prstGeom>
        </p:spPr>
      </p:pic>
      <p:sp>
        <p:nvSpPr>
          <p:cNvPr id="2" name="TextBox 1">
            <a:extLst>
              <a:ext uri="{FF2B5EF4-FFF2-40B4-BE49-F238E27FC236}">
                <a16:creationId xmlns:a16="http://schemas.microsoft.com/office/drawing/2014/main" id="{0B7E88D2-FAE8-42DE-6B29-F844DD36C8A3}"/>
              </a:ext>
            </a:extLst>
          </p:cNvPr>
          <p:cNvSpPr txBox="1"/>
          <p:nvPr userDrawn="1"/>
        </p:nvSpPr>
        <p:spPr>
          <a:xfrm>
            <a:off x="914400" y="873761"/>
            <a:ext cx="5455920" cy="304698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6000" b="0" i="0" u="none" strike="noStrike" kern="1200" cap="none" spc="-100" normalizeH="0" baseline="0" noProof="0">
                <a:ln>
                  <a:noFill/>
                </a:ln>
                <a:solidFill>
                  <a:srgbClr val="FFFFFF"/>
                </a:solidFill>
                <a:effectLst/>
                <a:uLnTx/>
                <a:uFillTx/>
                <a:latin typeface="Cadiz SemiBold"/>
                <a:ea typeface="+mn-ea"/>
                <a:cs typeface="+mn-cs"/>
              </a:rPr>
              <a:t>Pioneering </a:t>
            </a:r>
            <a:br>
              <a:rPr kumimoji="0" lang="en-US" sz="6000" b="0" i="0" u="none" strike="noStrike" kern="1200" cap="none" spc="-100" normalizeH="0" baseline="0" noProof="0">
                <a:ln>
                  <a:noFill/>
                </a:ln>
                <a:solidFill>
                  <a:srgbClr val="FFFFFF"/>
                </a:solidFill>
                <a:effectLst/>
                <a:uLnTx/>
                <a:uFillTx/>
                <a:latin typeface="Cadiz SemiBold"/>
                <a:ea typeface="+mn-ea"/>
                <a:cs typeface="+mn-cs"/>
              </a:rPr>
            </a:br>
            <a:r>
              <a:rPr kumimoji="0" lang="en-US" sz="6000" b="0" i="0" u="none" strike="noStrike" kern="1200" cap="none" spc="-100" normalizeH="0" baseline="0" noProof="0">
                <a:ln>
                  <a:noFill/>
                </a:ln>
                <a:solidFill>
                  <a:srgbClr val="FFFFFF"/>
                </a:solidFill>
                <a:effectLst/>
                <a:uLnTx/>
                <a:uFillTx/>
                <a:latin typeface="Cadiz SemiBold"/>
                <a:ea typeface="+mn-ea"/>
                <a:cs typeface="+mn-cs"/>
              </a:rPr>
              <a:t>an ethical digital world.</a:t>
            </a:r>
            <a:endParaRPr kumimoji="0" lang="en-FI" sz="6000" b="0" i="0" u="none" strike="noStrike" kern="1200" cap="none" spc="-100" normalizeH="0" baseline="0" noProof="0">
              <a:ln>
                <a:noFill/>
              </a:ln>
              <a:solidFill>
                <a:srgbClr val="FFFFFF"/>
              </a:solidFill>
              <a:effectLst/>
              <a:uLnTx/>
              <a:uFillTx/>
              <a:latin typeface="Cadiz SemiBold"/>
              <a:ea typeface="+mn-ea"/>
              <a:cs typeface="+mn-cs"/>
            </a:endParaRPr>
          </a:p>
          <a:p>
            <a:pPr marL="141288" indent="-141288" algn="l">
              <a:spcAft>
                <a:spcPts val="600"/>
              </a:spcAft>
              <a:buClr>
                <a:schemeClr val="accent1"/>
              </a:buClr>
              <a:buSzPct val="95000"/>
              <a:buFont typeface="Arial" panose="020B0604020202020204" pitchFamily="34" charset="0"/>
              <a:buChar char="•"/>
            </a:pPr>
            <a:endParaRPr lang="en-FI" kern="800" spc="-30"/>
          </a:p>
        </p:txBody>
      </p:sp>
    </p:spTree>
    <p:extLst>
      <p:ext uri="{BB962C8B-B14F-4D97-AF65-F5344CB8AC3E}">
        <p14:creationId xmlns:p14="http://schemas.microsoft.com/office/powerpoint/2010/main" val="6541659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53" presetClass="entr" presetSubtype="16" fill="hold" nodeType="after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p:cTn id="7" dur="300" fill="hold"/>
                                        <p:tgtEl>
                                          <p:spTgt spid="12"/>
                                        </p:tgtEl>
                                        <p:attrNameLst>
                                          <p:attrName>ppt_w</p:attrName>
                                        </p:attrNameLst>
                                      </p:cBhvr>
                                      <p:tavLst>
                                        <p:tav tm="0">
                                          <p:val>
                                            <p:fltVal val="0"/>
                                          </p:val>
                                        </p:tav>
                                        <p:tav tm="100000">
                                          <p:val>
                                            <p:strVal val="#ppt_w"/>
                                          </p:val>
                                        </p:tav>
                                      </p:tavLst>
                                    </p:anim>
                                    <p:anim calcmode="lin" valueType="num">
                                      <p:cBhvr>
                                        <p:cTn id="8" dur="300" fill="hold"/>
                                        <p:tgtEl>
                                          <p:spTgt spid="12"/>
                                        </p:tgtEl>
                                        <p:attrNameLst>
                                          <p:attrName>ppt_h</p:attrName>
                                        </p:attrNameLst>
                                      </p:cBhvr>
                                      <p:tavLst>
                                        <p:tav tm="0">
                                          <p:val>
                                            <p:fltVal val="0"/>
                                          </p:val>
                                        </p:tav>
                                        <p:tav tm="100000">
                                          <p:val>
                                            <p:strVal val="#ppt_h"/>
                                          </p:val>
                                        </p:tav>
                                      </p:tavLst>
                                    </p:anim>
                                    <p:animEffect transition="in" filter="fade">
                                      <p:cBhvr>
                                        <p:cTn id="9" dur="300"/>
                                        <p:tgtEl>
                                          <p:spTgt spid="12"/>
                                        </p:tgtEl>
                                      </p:cBhvr>
                                    </p:animEffect>
                                  </p:childTnLst>
                                </p:cTn>
                              </p:par>
                            </p:childTnLst>
                          </p:cTn>
                        </p:par>
                        <p:par>
                          <p:cTn id="10" fill="hold">
                            <p:stCondLst>
                              <p:cond delay="300"/>
                            </p:stCondLst>
                            <p:childTnLst>
                              <p:par>
                                <p:cTn id="11" presetID="32" presetClass="emph" presetSubtype="0" repeatCount="indefinite" nodeType="afterEffect">
                                  <p:stCondLst>
                                    <p:cond delay="0"/>
                                  </p:stCondLst>
                                  <p:endCondLst>
                                    <p:cond evt="onNext" delay="0">
                                      <p:tgtEl>
                                        <p:sldTgt/>
                                      </p:tgtEl>
                                    </p:cond>
                                  </p:endCondLst>
                                  <p:childTnLst>
                                    <p:animRot by="120000">
                                      <p:cBhvr>
                                        <p:cTn id="12" dur="200" fill="hold">
                                          <p:stCondLst>
                                            <p:cond delay="0"/>
                                          </p:stCondLst>
                                        </p:cTn>
                                        <p:tgtEl>
                                          <p:spTgt spid="12"/>
                                        </p:tgtEl>
                                        <p:attrNameLst>
                                          <p:attrName>r</p:attrName>
                                        </p:attrNameLst>
                                      </p:cBhvr>
                                    </p:animRot>
                                    <p:animRot by="-240000">
                                      <p:cBhvr>
                                        <p:cTn id="13" dur="400" fill="hold">
                                          <p:stCondLst>
                                            <p:cond delay="400"/>
                                          </p:stCondLst>
                                        </p:cTn>
                                        <p:tgtEl>
                                          <p:spTgt spid="12"/>
                                        </p:tgtEl>
                                        <p:attrNameLst>
                                          <p:attrName>r</p:attrName>
                                        </p:attrNameLst>
                                      </p:cBhvr>
                                    </p:animRot>
                                    <p:animRot by="240000">
                                      <p:cBhvr>
                                        <p:cTn id="14" dur="400" fill="hold">
                                          <p:stCondLst>
                                            <p:cond delay="800"/>
                                          </p:stCondLst>
                                        </p:cTn>
                                        <p:tgtEl>
                                          <p:spTgt spid="12"/>
                                        </p:tgtEl>
                                        <p:attrNameLst>
                                          <p:attrName>r</p:attrName>
                                        </p:attrNameLst>
                                      </p:cBhvr>
                                    </p:animRot>
                                    <p:animRot by="-240000">
                                      <p:cBhvr>
                                        <p:cTn id="15" dur="400" fill="hold">
                                          <p:stCondLst>
                                            <p:cond delay="1200"/>
                                          </p:stCondLst>
                                        </p:cTn>
                                        <p:tgtEl>
                                          <p:spTgt spid="12"/>
                                        </p:tgtEl>
                                        <p:attrNameLst>
                                          <p:attrName>r</p:attrName>
                                        </p:attrNameLst>
                                      </p:cBhvr>
                                    </p:animRot>
                                    <p:animRot by="120000">
                                      <p:cBhvr>
                                        <p:cTn id="16" dur="400" fill="hold">
                                          <p:stCondLst>
                                            <p:cond delay="1600"/>
                                          </p:stCondLst>
                                        </p:cTn>
                                        <p:tgtEl>
                                          <p:spTgt spid="12"/>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 content simple">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Content Placeholder 6">
            <a:extLst>
              <a:ext uri="{FF2B5EF4-FFF2-40B4-BE49-F238E27FC236}">
                <a16:creationId xmlns:a16="http://schemas.microsoft.com/office/drawing/2014/main" id="{CF39F37A-EAC8-8BFE-E78C-430345A7D6E9}"/>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p:nvPr>
        </p:nvSpPr>
        <p:spPr>
          <a:xfrm>
            <a:off x="695325" y="2276211"/>
            <a:ext cx="7200900"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a:xfrm rot="5400000">
            <a:off x="10057335" y="2392978"/>
            <a:ext cx="3574935" cy="224310"/>
          </a:xfrm>
          <a:prstGeom prst="rect">
            <a:avLst/>
          </a:prstGeom>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13CE1524-56BD-7F2D-0892-F1B6F2F67BB4}"/>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11" name="Picture Placeholder 3">
            <a:extLst>
              <a:ext uri="{FF2B5EF4-FFF2-40B4-BE49-F238E27FC236}">
                <a16:creationId xmlns:a16="http://schemas.microsoft.com/office/drawing/2014/main" id="{A2C212E4-BD37-FF72-001A-81BDB56E2B29}"/>
              </a:ext>
            </a:extLst>
          </p:cNvPr>
          <p:cNvSpPr>
            <a:spLocks noGrp="1"/>
          </p:cNvSpPr>
          <p:nvPr>
            <p:ph type="pic" sz="quarter" idx="17" hasCustomPrompt="1"/>
          </p:nvPr>
        </p:nvSpPr>
        <p:spPr>
          <a:xfrm>
            <a:off x="8203314" y="2276211"/>
            <a:ext cx="3019895" cy="2752989"/>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lIns="251999" tIns="251999" rIns="251999" bIns="251999" anchor="ctr"/>
          <a:lstStyle>
            <a:lvl1pPr marL="7937" indent="0" algn="ctr">
              <a:buNone/>
              <a:defRPr/>
            </a:lvl1pPr>
          </a:lstStyle>
          <a:p>
            <a:r>
              <a:rPr lang="en-FI"/>
              <a:t>Use if you want images in the cricle, otherwise delete</a:t>
            </a:r>
          </a:p>
        </p:txBody>
      </p:sp>
    </p:spTree>
    <p:extLst>
      <p:ext uri="{BB962C8B-B14F-4D97-AF65-F5344CB8AC3E}">
        <p14:creationId xmlns:p14="http://schemas.microsoft.com/office/powerpoint/2010/main" val="387282496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 content 2 column">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73FF1EAE-A64F-B045-CA24-37C5594553F1}"/>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2DD4E185-20AE-67DB-E450-FD469CBBA7CB}"/>
              </a:ext>
            </a:extLst>
          </p:cNvPr>
          <p:cNvSpPr>
            <a:spLocks noGrp="1"/>
          </p:cNvSpPr>
          <p:nvPr>
            <p:ph sz="quarter" idx="1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695325" y="2276211"/>
            <a:ext cx="50789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6" name="Content Placeholder 6">
            <a:extLst>
              <a:ext uri="{FF2B5EF4-FFF2-40B4-BE49-F238E27FC236}">
                <a16:creationId xmlns:a16="http://schemas.microsoft.com/office/drawing/2014/main" id="{8C2B36CB-60D4-41E7-8A65-3EA760409633}"/>
              </a:ext>
            </a:extLst>
          </p:cNvPr>
          <p:cNvSpPr>
            <a:spLocks noGrp="1"/>
          </p:cNvSpPr>
          <p:nvPr>
            <p:ph sz="quarter" idx="18" hasCustomPrompt="1"/>
          </p:nvPr>
        </p:nvSpPr>
        <p:spPr>
          <a:xfrm>
            <a:off x="6417735" y="2276211"/>
            <a:ext cx="50789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803C272D-2C6C-B999-D5CA-27B82310BBF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AA94EDC-0103-4FB7-84BA-4C65237926AC}"/>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11" name="Freeform: Shape 19">
            <a:extLst>
              <a:ext uri="{FF2B5EF4-FFF2-40B4-BE49-F238E27FC236}">
                <a16:creationId xmlns:a16="http://schemas.microsoft.com/office/drawing/2014/main" id="{72D99755-59C7-1983-1867-3D2E4A65094F}"/>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71205014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 content 3 column">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73FF1EAE-A64F-B045-CA24-37C5594553F1}"/>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2DD4E185-20AE-67DB-E450-FD469CBBA7CB}"/>
              </a:ext>
            </a:extLst>
          </p:cNvPr>
          <p:cNvSpPr>
            <a:spLocks noGrp="1"/>
          </p:cNvSpPr>
          <p:nvPr>
            <p:ph sz="quarter" idx="1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695325" y="2276211"/>
            <a:ext cx="3482780"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6" name="Content Placeholder 6">
            <a:extLst>
              <a:ext uri="{FF2B5EF4-FFF2-40B4-BE49-F238E27FC236}">
                <a16:creationId xmlns:a16="http://schemas.microsoft.com/office/drawing/2014/main" id="{8C2B36CB-60D4-41E7-8A65-3EA760409633}"/>
              </a:ext>
            </a:extLst>
          </p:cNvPr>
          <p:cNvSpPr>
            <a:spLocks noGrp="1"/>
          </p:cNvSpPr>
          <p:nvPr>
            <p:ph sz="quarter" idx="18" hasCustomPrompt="1"/>
          </p:nvPr>
        </p:nvSpPr>
        <p:spPr>
          <a:xfrm>
            <a:off x="4424481" y="2276211"/>
            <a:ext cx="3380413"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7" name="Content Placeholder 6">
            <a:extLst>
              <a:ext uri="{FF2B5EF4-FFF2-40B4-BE49-F238E27FC236}">
                <a16:creationId xmlns:a16="http://schemas.microsoft.com/office/drawing/2014/main" id="{556754DB-CD98-EA7D-CB10-87D6BC54186E}"/>
              </a:ext>
            </a:extLst>
          </p:cNvPr>
          <p:cNvSpPr>
            <a:spLocks noGrp="1"/>
          </p:cNvSpPr>
          <p:nvPr>
            <p:ph sz="quarter" idx="19" hasCustomPrompt="1"/>
          </p:nvPr>
        </p:nvSpPr>
        <p:spPr>
          <a:xfrm>
            <a:off x="8006243" y="2276211"/>
            <a:ext cx="3380413"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803C272D-2C6C-B999-D5CA-27B82310BBF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AA94EDC-0103-4FB7-84BA-4C65237926AC}"/>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12" name="Freeform: Shape 19">
            <a:extLst>
              <a:ext uri="{FF2B5EF4-FFF2-40B4-BE49-F238E27FC236}">
                <a16:creationId xmlns:a16="http://schemas.microsoft.com/office/drawing/2014/main" id="{BEF84218-0EA0-34B6-59CC-23070E7C66E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93061225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 content 4 column">
    <p:spTree>
      <p:nvGrpSpPr>
        <p:cNvPr id="1" name=""/>
        <p:cNvGrpSpPr/>
        <p:nvPr/>
      </p:nvGrpSpPr>
      <p:grpSpPr>
        <a:xfrm>
          <a:off x="0" y="0"/>
          <a:ext cx="0" cy="0"/>
          <a:chOff x="0" y="0"/>
          <a:chExt cx="0" cy="0"/>
        </a:xfrm>
      </p:grpSpPr>
      <p:sp>
        <p:nvSpPr>
          <p:cNvPr id="9" name="Title Placeholder 1">
            <a:extLst>
              <a:ext uri="{FF2B5EF4-FFF2-40B4-BE49-F238E27FC236}">
                <a16:creationId xmlns:a16="http://schemas.microsoft.com/office/drawing/2014/main" id="{56B1C657-10D1-E9FA-80C3-83DFF7D93A5D}"/>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6" name="Content Placeholder 6">
            <a:extLst>
              <a:ext uri="{FF2B5EF4-FFF2-40B4-BE49-F238E27FC236}">
                <a16:creationId xmlns:a16="http://schemas.microsoft.com/office/drawing/2014/main" id="{EAE064C6-965C-B71D-0D2B-4B3C6846DEA5}"/>
              </a:ext>
            </a:extLst>
          </p:cNvPr>
          <p:cNvSpPr>
            <a:spLocks noGrp="1"/>
          </p:cNvSpPr>
          <p:nvPr>
            <p:ph sz="quarter" idx="2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695325" y="2304032"/>
            <a:ext cx="2547938"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p:nvPr>
        </p:nvSpPr>
        <p:spPr>
          <a:xfrm>
            <a:off x="695325" y="2861082"/>
            <a:ext cx="2548058" cy="3399808"/>
          </a:xfrm>
        </p:spPr>
        <p:txBody>
          <a:bodyPr/>
          <a:lstStyle>
            <a:lvl1pPr marL="92075" indent="-92075">
              <a:tabLst/>
              <a:defRPr sz="1200"/>
            </a:lvl1pPr>
            <a:lvl2pPr marL="179388" indent="-87313">
              <a:tabLst/>
              <a:defRPr sz="1100"/>
            </a:lvl2pPr>
          </a:lstStyle>
          <a:p>
            <a:pPr lvl="0"/>
            <a:r>
              <a:rPr lang="en-GB"/>
              <a:t>Click to edit Master text styles</a:t>
            </a:r>
          </a:p>
          <a:p>
            <a:pPr lvl="1"/>
            <a:r>
              <a:rPr lang="en-GB"/>
              <a:t>Second level</a:t>
            </a:r>
          </a:p>
        </p:txBody>
      </p:sp>
      <p:sp>
        <p:nvSpPr>
          <p:cNvPr id="18" name="Text Placeholder 10">
            <a:extLst>
              <a:ext uri="{FF2B5EF4-FFF2-40B4-BE49-F238E27FC236}">
                <a16:creationId xmlns:a16="http://schemas.microsoft.com/office/drawing/2014/main" id="{C49696B1-1B31-F1A9-FAFE-7A069279FD14}"/>
              </a:ext>
            </a:extLst>
          </p:cNvPr>
          <p:cNvSpPr>
            <a:spLocks noGrp="1"/>
          </p:cNvSpPr>
          <p:nvPr>
            <p:ph type="body" sz="quarter" idx="24" hasCustomPrompt="1"/>
          </p:nvPr>
        </p:nvSpPr>
        <p:spPr>
          <a:xfrm>
            <a:off x="3461970" y="2292880"/>
            <a:ext cx="2548057"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3" name="Text Placeholder 2">
            <a:extLst>
              <a:ext uri="{FF2B5EF4-FFF2-40B4-BE49-F238E27FC236}">
                <a16:creationId xmlns:a16="http://schemas.microsoft.com/office/drawing/2014/main" id="{AF546FD0-8DD6-645A-C210-3BD3D5F0DEB3}"/>
              </a:ext>
            </a:extLst>
          </p:cNvPr>
          <p:cNvSpPr>
            <a:spLocks noGrp="1"/>
          </p:cNvSpPr>
          <p:nvPr>
            <p:ph type="body" sz="quarter" idx="16"/>
          </p:nvPr>
        </p:nvSpPr>
        <p:spPr>
          <a:xfrm>
            <a:off x="3461969" y="2861081"/>
            <a:ext cx="2548058" cy="3384673"/>
          </a:xfrm>
        </p:spPr>
        <p:txBody>
          <a:bodyPr/>
          <a:lstStyle>
            <a:lvl1pPr marL="92075" indent="-92075">
              <a:tabLst/>
              <a:defRPr sz="1200"/>
            </a:lvl1pPr>
            <a:lvl2pPr marL="179388" indent="-87313">
              <a:tabLst/>
              <a:defRPr sz="1100"/>
            </a:lvl2pPr>
          </a:lstStyle>
          <a:p>
            <a:pPr lvl="0"/>
            <a:r>
              <a:rPr lang="en-GB"/>
              <a:t>Click to edit Master text styles</a:t>
            </a:r>
          </a:p>
          <a:p>
            <a:pPr lvl="1"/>
            <a:r>
              <a:rPr lang="en-GB"/>
              <a:t>Second level</a:t>
            </a:r>
          </a:p>
        </p:txBody>
      </p:sp>
      <p:sp>
        <p:nvSpPr>
          <p:cNvPr id="19" name="Text Placeholder 10">
            <a:extLst>
              <a:ext uri="{FF2B5EF4-FFF2-40B4-BE49-F238E27FC236}">
                <a16:creationId xmlns:a16="http://schemas.microsoft.com/office/drawing/2014/main" id="{9A15C8E7-F021-1169-72B7-5E148D9DDA6A}"/>
              </a:ext>
            </a:extLst>
          </p:cNvPr>
          <p:cNvSpPr>
            <a:spLocks noGrp="1"/>
          </p:cNvSpPr>
          <p:nvPr>
            <p:ph type="body" sz="quarter" idx="25" hasCustomPrompt="1"/>
          </p:nvPr>
        </p:nvSpPr>
        <p:spPr>
          <a:xfrm>
            <a:off x="6197357" y="2292880"/>
            <a:ext cx="2548057"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5" name="Text Placeholder 2">
            <a:extLst>
              <a:ext uri="{FF2B5EF4-FFF2-40B4-BE49-F238E27FC236}">
                <a16:creationId xmlns:a16="http://schemas.microsoft.com/office/drawing/2014/main" id="{BD91A322-A34F-42C2-61DE-C0A2C0EE65B0}"/>
              </a:ext>
            </a:extLst>
          </p:cNvPr>
          <p:cNvSpPr>
            <a:spLocks noGrp="1"/>
          </p:cNvSpPr>
          <p:nvPr>
            <p:ph type="body" sz="quarter" idx="18"/>
          </p:nvPr>
        </p:nvSpPr>
        <p:spPr>
          <a:xfrm>
            <a:off x="6197356" y="2861082"/>
            <a:ext cx="2548058" cy="3399808"/>
          </a:xfrm>
        </p:spPr>
        <p:txBody>
          <a:bodyPr/>
          <a:lstStyle>
            <a:lvl1pPr marL="92075" indent="-92075">
              <a:tabLst/>
              <a:defRPr sz="1200"/>
            </a:lvl1pPr>
            <a:lvl2pPr marL="179388" indent="-87313">
              <a:tabLst/>
              <a:defRPr sz="1100"/>
            </a:lvl2pPr>
          </a:lstStyle>
          <a:p>
            <a:pPr lvl="0"/>
            <a:r>
              <a:rPr lang="en-GB"/>
              <a:t>Click to edit Master text styles</a:t>
            </a:r>
          </a:p>
          <a:p>
            <a:pPr lvl="1"/>
            <a:r>
              <a:rPr lang="en-GB"/>
              <a:t>Second level</a:t>
            </a:r>
          </a:p>
        </p:txBody>
      </p:sp>
      <p:sp>
        <p:nvSpPr>
          <p:cNvPr id="20" name="Text Placeholder 10">
            <a:extLst>
              <a:ext uri="{FF2B5EF4-FFF2-40B4-BE49-F238E27FC236}">
                <a16:creationId xmlns:a16="http://schemas.microsoft.com/office/drawing/2014/main" id="{63FA01D3-0FF1-E796-E7FB-8EF327BF0599}"/>
              </a:ext>
            </a:extLst>
          </p:cNvPr>
          <p:cNvSpPr>
            <a:spLocks noGrp="1"/>
          </p:cNvSpPr>
          <p:nvPr>
            <p:ph type="body" sz="quarter" idx="26" hasCustomPrompt="1"/>
          </p:nvPr>
        </p:nvSpPr>
        <p:spPr>
          <a:xfrm>
            <a:off x="8948618" y="2292880"/>
            <a:ext cx="2547368"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7" name="Text Placeholder 2">
            <a:extLst>
              <a:ext uri="{FF2B5EF4-FFF2-40B4-BE49-F238E27FC236}">
                <a16:creationId xmlns:a16="http://schemas.microsoft.com/office/drawing/2014/main" id="{F57DFA98-A057-46B6-A5DF-A1C24E56558E}"/>
              </a:ext>
            </a:extLst>
          </p:cNvPr>
          <p:cNvSpPr>
            <a:spLocks noGrp="1"/>
          </p:cNvSpPr>
          <p:nvPr>
            <p:ph type="body" sz="quarter" idx="20"/>
          </p:nvPr>
        </p:nvSpPr>
        <p:spPr>
          <a:xfrm>
            <a:off x="8948616" y="2861082"/>
            <a:ext cx="2548058" cy="3399808"/>
          </a:xfrm>
        </p:spPr>
        <p:txBody>
          <a:bodyPr/>
          <a:lstStyle>
            <a:lvl1pPr marL="92075" indent="-92075">
              <a:tabLst/>
              <a:defRPr sz="1200"/>
            </a:lvl1pPr>
            <a:lvl2pPr marL="179388" indent="-136525">
              <a:tabLst/>
              <a:defRPr sz="1100"/>
            </a:lvl2pPr>
          </a:lstStyle>
          <a:p>
            <a:pPr lvl="0"/>
            <a:r>
              <a:rPr lang="en-GB"/>
              <a:t>Click to edit Master text styles</a:t>
            </a:r>
          </a:p>
          <a:p>
            <a:pPr lvl="1"/>
            <a:r>
              <a:rPr lang="en-GB"/>
              <a:t>Second level</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a:xfrm rot="5400000">
            <a:off x="10057335" y="2392978"/>
            <a:ext cx="3574935" cy="224310"/>
          </a:xfrm>
          <a:prstGeom prst="rect">
            <a:avLst/>
          </a:prstGeom>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222948E5-E55C-DDD0-390B-BA643CDEA132}"/>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4090197168"/>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5FCBEDA6-7A12-4B0F-BDCA-30E48676CDEC}"/>
              </a:ext>
            </a:extLst>
          </p:cNvPr>
          <p:cNvSpPr>
            <a:spLocks noGrp="1"/>
          </p:cNvSpPr>
          <p:nvPr>
            <p:ph type="title"/>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3" name="Text Placeholder 2">
            <a:extLst>
              <a:ext uri="{FF2B5EF4-FFF2-40B4-BE49-F238E27FC236}">
                <a16:creationId xmlns:a16="http://schemas.microsoft.com/office/drawing/2014/main" id="{07FCA57E-D0A9-4842-8847-E49700F6FE94}"/>
              </a:ext>
            </a:extLst>
          </p:cNvPr>
          <p:cNvSpPr>
            <a:spLocks noGrp="1"/>
          </p:cNvSpPr>
          <p:nvPr>
            <p:ph type="body" idx="1"/>
          </p:nvPr>
        </p:nvSpPr>
        <p:spPr>
          <a:xfrm>
            <a:off x="695325" y="2280395"/>
            <a:ext cx="9001125" cy="3887787"/>
          </a:xfrm>
          <a:prstGeom prst="rect">
            <a:avLst/>
          </a:prstGeom>
        </p:spPr>
        <p:txBody>
          <a:bodyPr vert="horz" lIns="0" tIns="0" rIns="0" bIns="0" rtlCol="0">
            <a:noAutofit/>
          </a:bodyPr>
          <a:lstStyle/>
          <a:p>
            <a:pPr lvl="0"/>
            <a:r>
              <a:rPr lang="en-GB" noProof="0"/>
              <a:t>Click to insert conten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091E3E36-ABF2-EDAB-3C7C-A5B5498EA03F}"/>
              </a:ext>
            </a:extLst>
          </p:cNvPr>
          <p:cNvSpPr>
            <a:spLocks noGrp="1"/>
          </p:cNvSpPr>
          <p:nvPr>
            <p:ph type="ftr" sz="quarter" idx="3"/>
          </p:nvPr>
        </p:nvSpPr>
        <p:spPr>
          <a:xfrm rot="5400000">
            <a:off x="10057335" y="2392978"/>
            <a:ext cx="3574935" cy="224310"/>
          </a:xfrm>
          <a:prstGeom prst="rect">
            <a:avLst/>
          </a:prstGeom>
        </p:spPr>
        <p:txBody>
          <a:bodyPr vert="horz" lIns="0" tIns="0" rIns="0" bIns="0" rtlCol="0" anchor="ctr"/>
          <a:lstStyle>
            <a:lvl1pPr algn="l">
              <a:defRPr sz="800" cap="all" spc="100" baseline="0">
                <a:solidFill>
                  <a:srgbClr val="92B1B8"/>
                </a:solidFill>
              </a:defRPr>
            </a:lvl1pPr>
          </a:lstStyle>
          <a:p>
            <a:r>
              <a:rPr lang="fi-FI"/>
              <a:t>CONFIDENTIAL</a:t>
            </a:r>
          </a:p>
        </p:txBody>
      </p:sp>
      <p:sp>
        <p:nvSpPr>
          <p:cNvPr id="6" name="Slide Number Placeholder 5" descr="Page number">
            <a:extLst>
              <a:ext uri="{FF2B5EF4-FFF2-40B4-BE49-F238E27FC236}">
                <a16:creationId xmlns:a16="http://schemas.microsoft.com/office/drawing/2014/main" id="{845F5D36-6763-E014-85F4-ADE5E0592669}"/>
              </a:ext>
            </a:extLst>
          </p:cNvPr>
          <p:cNvSpPr>
            <a:spLocks noGrp="1"/>
          </p:cNvSpPr>
          <p:nvPr>
            <p:ph type="sldNum" sz="quarter" idx="4"/>
          </p:nvPr>
        </p:nvSpPr>
        <p:spPr>
          <a:xfrm>
            <a:off x="11496675" y="6553245"/>
            <a:ext cx="406833" cy="186860"/>
          </a:xfrm>
          <a:prstGeom prst="rect">
            <a:avLst/>
          </a:prstGeom>
        </p:spPr>
        <p:txBody>
          <a:bodyPr vert="horz" lIns="0" tIns="0" rIns="0" bIns="0" rtlCol="0" anchor="ctr"/>
          <a:lstStyle>
            <a:lvl1pPr algn="r">
              <a:defRPr sz="800">
                <a:solidFill>
                  <a:srgbClr val="92B1B8"/>
                </a:solidFill>
              </a:defRPr>
            </a:lvl1pPr>
          </a:lstStyle>
          <a:p>
            <a:fld id="{B64FCF4A-2F3F-4397-9C44-D2344643394B}" type="slidenum">
              <a:rPr lang="fi-FI" smtClean="0"/>
              <a:pPr/>
              <a:t>‹#›</a:t>
            </a:fld>
            <a:endParaRPr lang="fi-FI"/>
          </a:p>
        </p:txBody>
      </p:sp>
    </p:spTree>
    <p:extLst>
      <p:ext uri="{BB962C8B-B14F-4D97-AF65-F5344CB8AC3E}">
        <p14:creationId xmlns:p14="http://schemas.microsoft.com/office/powerpoint/2010/main" val="762624041"/>
      </p:ext>
    </p:extLst>
  </p:cSld>
  <p:clrMap bg1="lt1" tx1="dk1" bg2="lt2" tx2="dk2" accent1="accent1" accent2="accent2" accent3="accent3" accent4="accent4" accent5="accent5" accent6="accent6" hlink="hlink" folHlink="folHlink"/>
  <p:sldLayoutIdLst>
    <p:sldLayoutId id="2147483887" r:id="rId1"/>
    <p:sldLayoutId id="2147483886" r:id="rId2"/>
    <p:sldLayoutId id="2147483888" r:id="rId3"/>
    <p:sldLayoutId id="2147483894" r:id="rId4"/>
    <p:sldLayoutId id="2147483904" r:id="rId5"/>
    <p:sldLayoutId id="2147483876" r:id="rId6"/>
    <p:sldLayoutId id="2147483845" r:id="rId7"/>
    <p:sldLayoutId id="2147483917" r:id="rId8"/>
    <p:sldLayoutId id="2147483884" r:id="rId9"/>
    <p:sldLayoutId id="2147483919" r:id="rId10"/>
    <p:sldLayoutId id="2147483892" r:id="rId11"/>
    <p:sldLayoutId id="2147483656" r:id="rId12"/>
    <p:sldLayoutId id="2147483906" r:id="rId13"/>
    <p:sldLayoutId id="2147483896" r:id="rId14"/>
    <p:sldLayoutId id="2147483901" r:id="rId15"/>
    <p:sldLayoutId id="2147483889" r:id="rId16"/>
    <p:sldLayoutId id="2147483651" r:id="rId17"/>
    <p:sldLayoutId id="2147483843" r:id="rId18"/>
    <p:sldLayoutId id="2147483847" r:id="rId19"/>
    <p:sldLayoutId id="2147483849" r:id="rId20"/>
    <p:sldLayoutId id="2147483848" r:id="rId21"/>
    <p:sldLayoutId id="2147483854" r:id="rId22"/>
    <p:sldLayoutId id="2147483832" r:id="rId23"/>
    <p:sldLayoutId id="2147483907" r:id="rId24"/>
    <p:sldLayoutId id="2147483830" r:id="rId25"/>
    <p:sldLayoutId id="2147483890" r:id="rId26"/>
    <p:sldLayoutId id="2147483871" r:id="rId27"/>
    <p:sldLayoutId id="2147483872" r:id="rId28"/>
    <p:sldLayoutId id="2147483870" r:id="rId29"/>
    <p:sldLayoutId id="2147483877" r:id="rId30"/>
    <p:sldLayoutId id="2147483868" r:id="rId31"/>
    <p:sldLayoutId id="2147483869" r:id="rId32"/>
    <p:sldLayoutId id="2147483915" r:id="rId33"/>
    <p:sldLayoutId id="2147483873" r:id="rId34"/>
    <p:sldLayoutId id="2147483893" r:id="rId35"/>
    <p:sldLayoutId id="2147483874" r:id="rId36"/>
    <p:sldLayoutId id="2147483875" r:id="rId37"/>
    <p:sldLayoutId id="2147483891" r:id="rId38"/>
    <p:sldLayoutId id="2147483895" r:id="rId39"/>
    <p:sldLayoutId id="2147483913" r:id="rId40"/>
    <p:sldLayoutId id="2147483903" r:id="rId41"/>
    <p:sldLayoutId id="2147483912" r:id="rId42"/>
    <p:sldLayoutId id="2147483918" r:id="rId43"/>
    <p:sldLayoutId id="2147483911" r:id="rId44"/>
    <p:sldLayoutId id="2147483897" r:id="rId45"/>
    <p:sldLayoutId id="2147483899" r:id="rId46"/>
    <p:sldLayoutId id="2147483900" r:id="rId47"/>
    <p:sldLayoutId id="2147483829" r:id="rId48"/>
    <p:sldLayoutId id="2147483905" r:id="rId49"/>
    <p:sldLayoutId id="2147483879" r:id="rId50"/>
    <p:sldLayoutId id="2147483898" r:id="rId51"/>
  </p:sldLayoutIdLst>
  <p:hf hdr="0" ftr="0" dt="0"/>
  <p:txStyles>
    <p:titleStyle>
      <a:lvl1pPr algn="l" defTabSz="914400" rtl="0" eaLnBrk="1" latinLnBrk="0" hangingPunct="1">
        <a:lnSpc>
          <a:spcPct val="90000"/>
        </a:lnSpc>
        <a:spcBef>
          <a:spcPct val="0"/>
        </a:spcBef>
        <a:buNone/>
        <a:defRPr sz="3600" b="0" i="0" kern="1200" spc="-120" baseline="0">
          <a:solidFill>
            <a:schemeClr val="tx1"/>
          </a:solidFill>
          <a:latin typeface="+mj-lt"/>
          <a:ea typeface="+mj-ea"/>
          <a:cs typeface="+mj-cs"/>
        </a:defRPr>
      </a:lvl1pPr>
    </p:titleStyle>
    <p:bodyStyle>
      <a:lvl1pPr marL="177800" indent="-169863" algn="l" defTabSz="914400" rtl="0" eaLnBrk="1" latinLnBrk="0" hangingPunct="1">
        <a:lnSpc>
          <a:spcPct val="100000"/>
        </a:lnSpc>
        <a:spcBef>
          <a:spcPts val="1000"/>
        </a:spcBef>
        <a:buClr>
          <a:schemeClr val="accent1"/>
        </a:buClr>
        <a:buFont typeface="Arial" panose="020B0604020202020204" pitchFamily="34" charset="0"/>
        <a:buChar char="•"/>
        <a:tabLst/>
        <a:defRPr sz="1800" b="0" i="0" kern="1000" spc="-40" baseline="0">
          <a:solidFill>
            <a:schemeClr val="tx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FI"/>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38" userDrawn="1">
          <p15:clr>
            <a:srgbClr val="F26B43"/>
          </p15:clr>
        </p15:guide>
        <p15:guide id="2" pos="7242" userDrawn="1">
          <p15:clr>
            <a:srgbClr val="F26B43"/>
          </p15:clr>
        </p15:guide>
        <p15:guide id="3" orient="horz" pos="391" userDrawn="1">
          <p15:clr>
            <a:srgbClr val="F26B43"/>
          </p15:clr>
        </p15:guide>
        <p15:guide id="4" orient="horz" pos="3929" userDrawn="1">
          <p15:clr>
            <a:srgbClr val="F26B43"/>
          </p15:clr>
        </p15:guide>
        <p15:guide id="5" pos="1572" userDrawn="1">
          <p15:clr>
            <a:srgbClr val="F26B43"/>
          </p15:clr>
        </p15:guide>
        <p15:guide id="7" pos="3840" userDrawn="1">
          <p15:clr>
            <a:srgbClr val="F26B43"/>
          </p15:clr>
        </p15:guide>
        <p15:guide id="8" pos="2706" userDrawn="1">
          <p15:clr>
            <a:srgbClr val="F26B43"/>
          </p15:clr>
        </p15:guide>
        <p15:guide id="11" orient="horz" pos="1480" userDrawn="1">
          <p15:clr>
            <a:srgbClr val="F26B43"/>
          </p15:clr>
        </p15:guide>
        <p15:guide id="12" orient="horz" pos="2704" userDrawn="1">
          <p15:clr>
            <a:srgbClr val="F26B43"/>
          </p15:clr>
        </p15:guide>
        <p15:guide id="14" pos="4974" userDrawn="1">
          <p15:clr>
            <a:srgbClr val="F26B43"/>
          </p15:clr>
        </p15:guide>
        <p15:guide id="17" pos="6108" userDrawn="1">
          <p15:clr>
            <a:srgbClr val="F26B43"/>
          </p15:clr>
        </p15:guide>
        <p15:guide id="18" orient="horz" pos="1207" userDrawn="1">
          <p15:clr>
            <a:srgbClr val="A4A3A4"/>
          </p15:clr>
        </p15:guide>
        <p15:guide id="19" orient="horz" pos="1752"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52.png"/><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image" Target="../media/image51.svg"/><Relationship Id="rId5" Type="http://schemas.openxmlformats.org/officeDocument/2006/relationships/image" Target="../media/image50.png"/><Relationship Id="rId4" Type="http://schemas.openxmlformats.org/officeDocument/2006/relationships/slideLayout" Target="../slideLayouts/slideLayout4.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15.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30.xml"/></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5.xml"/><Relationship Id="rId1" Type="http://schemas.openxmlformats.org/officeDocument/2006/relationships/tags" Target="../tags/tag3.xml"/><Relationship Id="rId5" Type="http://schemas.openxmlformats.org/officeDocument/2006/relationships/image" Target="../media/image54.svg"/><Relationship Id="rId4" Type="http://schemas.openxmlformats.org/officeDocument/2006/relationships/image" Target="../media/image53.png"/></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6.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3.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7.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7.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5.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30.xml"/></Relationships>
</file>

<file path=ppt/slides/_rels/slide24.xml.rels><?xml version="1.0" encoding="UTF-8" standalone="yes"?>
<Relationships xmlns="http://schemas.openxmlformats.org/package/2006/relationships"><Relationship Id="rId3" Type="http://schemas.openxmlformats.org/officeDocument/2006/relationships/notesSlide" Target="../notesSlides/notesSlide22.xml"/><Relationship Id="rId2" Type="http://schemas.openxmlformats.org/officeDocument/2006/relationships/slideLayout" Target="../slideLayouts/slideLayout15.xml"/><Relationship Id="rId1" Type="http://schemas.openxmlformats.org/officeDocument/2006/relationships/tags" Target="../tags/tag4.xml"/><Relationship Id="rId5" Type="http://schemas.openxmlformats.org/officeDocument/2006/relationships/image" Target="../media/image54.svg"/><Relationship Id="rId4" Type="http://schemas.openxmlformats.org/officeDocument/2006/relationships/image" Target="../media/image53.png"/></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6.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6.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6.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7.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3.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7.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7.xml"/></Relationships>
</file>

<file path=ppt/slides/_rels/slide32.xml.rels><?xml version="1.0" encoding="UTF-8" standalone="yes"?>
<Relationships xmlns="http://schemas.openxmlformats.org/package/2006/relationships"><Relationship Id="rId3" Type="http://schemas.openxmlformats.org/officeDocument/2006/relationships/hyperlink" Target="https://www.europarl.europa.eu/meetdocs/2014_2019/plmrep/COMMITTEES/JURI/DV/2019/11-06/Ethics-guidelines-AI_FI.pdf" TargetMode="External"/><Relationship Id="rId2" Type="http://schemas.openxmlformats.org/officeDocument/2006/relationships/notesSlide" Target="../notesSlides/notesSlide30.xml"/><Relationship Id="rId1" Type="http://schemas.openxmlformats.org/officeDocument/2006/relationships/slideLayout" Target="../slideLayouts/slideLayout15.xm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30.xml"/></Relationships>
</file>

<file path=ppt/slides/_rels/slide34.xml.rels><?xml version="1.0" encoding="UTF-8" standalone="yes"?>
<Relationships xmlns="http://schemas.openxmlformats.org/package/2006/relationships"><Relationship Id="rId3" Type="http://schemas.openxmlformats.org/officeDocument/2006/relationships/notesSlide" Target="../notesSlides/notesSlide32.xml"/><Relationship Id="rId2" Type="http://schemas.openxmlformats.org/officeDocument/2006/relationships/slideLayout" Target="../slideLayouts/slideLayout15.xml"/><Relationship Id="rId1" Type="http://schemas.openxmlformats.org/officeDocument/2006/relationships/tags" Target="../tags/tag5.xml"/><Relationship Id="rId5" Type="http://schemas.openxmlformats.org/officeDocument/2006/relationships/image" Target="../media/image54.svg"/><Relationship Id="rId4" Type="http://schemas.openxmlformats.org/officeDocument/2006/relationships/image" Target="../media/image53.png"/></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33.xml"/><Relationship Id="rId1" Type="http://schemas.openxmlformats.org/officeDocument/2006/relationships/slideLayout" Target="../slideLayouts/slideLayout6.xml"/></Relationships>
</file>

<file path=ppt/slides/_rels/slide36.xml.rels><?xml version="1.0" encoding="UTF-8" standalone="yes"?>
<Relationships xmlns="http://schemas.openxmlformats.org/package/2006/relationships"><Relationship Id="rId2" Type="http://schemas.openxmlformats.org/officeDocument/2006/relationships/notesSlide" Target="../notesSlides/notesSlide34.xml"/><Relationship Id="rId1" Type="http://schemas.openxmlformats.org/officeDocument/2006/relationships/slideLayout" Target="../slideLayouts/slideLayout7.xml"/></Relationships>
</file>

<file path=ppt/slides/_rels/slide37.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6.xml"/></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36.xml"/><Relationship Id="rId1" Type="http://schemas.openxmlformats.org/officeDocument/2006/relationships/slideLayout" Target="../slideLayouts/slideLayout7.xml"/></Relationships>
</file>

<file path=ppt/slides/_rels/slide39.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1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0.xml.rels><?xml version="1.0" encoding="UTF-8" standalone="yes"?>
<Relationships xmlns="http://schemas.openxmlformats.org/package/2006/relationships"><Relationship Id="rId2" Type="http://schemas.openxmlformats.org/officeDocument/2006/relationships/notesSlide" Target="../notesSlides/notesSlide38.xml"/><Relationship Id="rId1" Type="http://schemas.openxmlformats.org/officeDocument/2006/relationships/slideLayout" Target="../slideLayouts/slideLayout30.xml"/></Relationships>
</file>

<file path=ppt/slides/_rels/slide41.xml.rels><?xml version="1.0" encoding="UTF-8" standalone="yes"?>
<Relationships xmlns="http://schemas.openxmlformats.org/package/2006/relationships"><Relationship Id="rId3" Type="http://schemas.openxmlformats.org/officeDocument/2006/relationships/notesSlide" Target="../notesSlides/notesSlide39.xml"/><Relationship Id="rId2" Type="http://schemas.openxmlformats.org/officeDocument/2006/relationships/slideLayout" Target="../slideLayouts/slideLayout15.xml"/><Relationship Id="rId1" Type="http://schemas.openxmlformats.org/officeDocument/2006/relationships/tags" Target="../tags/tag6.xml"/><Relationship Id="rId5" Type="http://schemas.openxmlformats.org/officeDocument/2006/relationships/image" Target="../media/image54.svg"/><Relationship Id="rId4" Type="http://schemas.openxmlformats.org/officeDocument/2006/relationships/image" Target="../media/image53.png"/></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30.xml"/></Relationships>
</file>

<file path=ppt/slides/_rels/slide43.xml.rels><?xml version="1.0" encoding="UTF-8" standalone="yes"?>
<Relationships xmlns="http://schemas.openxmlformats.org/package/2006/relationships"><Relationship Id="rId2" Type="http://schemas.openxmlformats.org/officeDocument/2006/relationships/notesSlide" Target="../notesSlides/notesSlide40.xml"/><Relationship Id="rId1" Type="http://schemas.openxmlformats.org/officeDocument/2006/relationships/slideLayout" Target="../slideLayouts/slideLayout7.xml"/></Relationships>
</file>

<file path=ppt/slides/_rels/slide44.xml.rels><?xml version="1.0" encoding="UTF-8" standalone="yes"?>
<Relationships xmlns="http://schemas.openxmlformats.org/package/2006/relationships"><Relationship Id="rId2" Type="http://schemas.openxmlformats.org/officeDocument/2006/relationships/notesSlide" Target="../notesSlides/notesSlide41.xml"/><Relationship Id="rId1" Type="http://schemas.openxmlformats.org/officeDocument/2006/relationships/slideLayout" Target="../slideLayouts/slideLayout7.xml"/></Relationships>
</file>

<file path=ppt/slides/_rels/slide45.xml.rels><?xml version="1.0" encoding="UTF-8" standalone="yes"?>
<Relationships xmlns="http://schemas.openxmlformats.org/package/2006/relationships"><Relationship Id="rId2" Type="http://schemas.openxmlformats.org/officeDocument/2006/relationships/notesSlide" Target="../notesSlides/notesSlide42.xml"/><Relationship Id="rId1" Type="http://schemas.openxmlformats.org/officeDocument/2006/relationships/slideLayout" Target="../slideLayouts/slideLayout7.xml"/></Relationships>
</file>

<file path=ppt/slides/_rels/slide46.xml.rels><?xml version="1.0" encoding="UTF-8" standalone="yes"?>
<Relationships xmlns="http://schemas.openxmlformats.org/package/2006/relationships"><Relationship Id="rId2" Type="http://schemas.openxmlformats.org/officeDocument/2006/relationships/notesSlide" Target="../notesSlides/notesSlide43.xml"/><Relationship Id="rId1" Type="http://schemas.openxmlformats.org/officeDocument/2006/relationships/slideLayout" Target="../slideLayouts/slideLayout7.xml"/></Relationships>
</file>

<file path=ppt/slides/_rels/slide47.xml.rels><?xml version="1.0" encoding="UTF-8" standalone="yes"?>
<Relationships xmlns="http://schemas.openxmlformats.org/package/2006/relationships"><Relationship Id="rId2" Type="http://schemas.openxmlformats.org/officeDocument/2006/relationships/notesSlide" Target="../notesSlides/notesSlide44.xml"/><Relationship Id="rId1" Type="http://schemas.openxmlformats.org/officeDocument/2006/relationships/slideLayout" Target="../slideLayouts/slideLayout7.xml"/></Relationships>
</file>

<file path=ppt/slides/_rels/slide48.xml.rels><?xml version="1.0" encoding="UTF-8" standalone="yes"?>
<Relationships xmlns="http://schemas.openxmlformats.org/package/2006/relationships"><Relationship Id="rId2" Type="http://schemas.openxmlformats.org/officeDocument/2006/relationships/notesSlide" Target="../notesSlides/notesSlide45.xml"/><Relationship Id="rId1" Type="http://schemas.openxmlformats.org/officeDocument/2006/relationships/slideLayout" Target="../slideLayouts/slideLayout7.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30.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0.xml"/></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46.xml"/><Relationship Id="rId1" Type="http://schemas.openxmlformats.org/officeDocument/2006/relationships/slideLayout" Target="../slideLayouts/slideLayout7.xml"/></Relationships>
</file>

<file path=ppt/slides/_rels/slide51.xml.rels><?xml version="1.0" encoding="UTF-8" standalone="yes"?>
<Relationships xmlns="http://schemas.openxmlformats.org/package/2006/relationships"><Relationship Id="rId2" Type="http://schemas.openxmlformats.org/officeDocument/2006/relationships/notesSlide" Target="../notesSlides/notesSlide47.xml"/><Relationship Id="rId1" Type="http://schemas.openxmlformats.org/officeDocument/2006/relationships/slideLayout" Target="../slideLayouts/slideLayout7.xml"/></Relationships>
</file>

<file path=ppt/slides/_rels/slide52.xml.rels><?xml version="1.0" encoding="UTF-8" standalone="yes"?>
<Relationships xmlns="http://schemas.openxmlformats.org/package/2006/relationships"><Relationship Id="rId2" Type="http://schemas.openxmlformats.org/officeDocument/2006/relationships/notesSlide" Target="../notesSlides/notesSlide48.xml"/><Relationship Id="rId1" Type="http://schemas.openxmlformats.org/officeDocument/2006/relationships/slideLayout" Target="../slideLayouts/slideLayout7.xml"/></Relationships>
</file>

<file path=ppt/slides/_rels/slide53.xml.rels><?xml version="1.0" encoding="UTF-8" standalone="yes"?>
<Relationships xmlns="http://schemas.openxmlformats.org/package/2006/relationships"><Relationship Id="rId2" Type="http://schemas.openxmlformats.org/officeDocument/2006/relationships/notesSlide" Target="../notesSlides/notesSlide49.xml"/><Relationship Id="rId1" Type="http://schemas.openxmlformats.org/officeDocument/2006/relationships/slideLayout" Target="../slideLayouts/slideLayout7.xml"/></Relationships>
</file>

<file path=ppt/slides/_rels/slide54.xml.rels><?xml version="1.0" encoding="UTF-8" standalone="yes"?>
<Relationships xmlns="http://schemas.openxmlformats.org/package/2006/relationships"><Relationship Id="rId2" Type="http://schemas.openxmlformats.org/officeDocument/2006/relationships/notesSlide" Target="../notesSlides/notesSlide50.xml"/><Relationship Id="rId1" Type="http://schemas.openxmlformats.org/officeDocument/2006/relationships/slideLayout" Target="../slideLayouts/slideLayout7.xml"/></Relationships>
</file>

<file path=ppt/slides/_rels/slide55.xml.rels><?xml version="1.0" encoding="UTF-8" standalone="yes"?>
<Relationships xmlns="http://schemas.openxmlformats.org/package/2006/relationships"><Relationship Id="rId2" Type="http://schemas.openxmlformats.org/officeDocument/2006/relationships/notesSlide" Target="../notesSlides/notesSlide51.xml"/><Relationship Id="rId1" Type="http://schemas.openxmlformats.org/officeDocument/2006/relationships/slideLayout" Target="../slideLayouts/slideLayout7.xml"/></Relationships>
</file>

<file path=ppt/slides/_rels/slide56.xml.rels><?xml version="1.0" encoding="UTF-8" standalone="yes"?>
<Relationships xmlns="http://schemas.openxmlformats.org/package/2006/relationships"><Relationship Id="rId2" Type="http://schemas.openxmlformats.org/officeDocument/2006/relationships/notesSlide" Target="../notesSlides/notesSlide52.xml"/><Relationship Id="rId1" Type="http://schemas.openxmlformats.org/officeDocument/2006/relationships/slideLayout" Target="../slideLayouts/slideLayout7.xml"/></Relationships>
</file>

<file path=ppt/slides/_rels/slide57.xml.rels><?xml version="1.0" encoding="UTF-8" standalone="yes"?>
<Relationships xmlns="http://schemas.openxmlformats.org/package/2006/relationships"><Relationship Id="rId2" Type="http://schemas.openxmlformats.org/officeDocument/2006/relationships/notesSlide" Target="../notesSlides/notesSlide53.xml"/><Relationship Id="rId1" Type="http://schemas.openxmlformats.org/officeDocument/2006/relationships/slideLayout" Target="../slideLayouts/slideLayout7.xml"/></Relationships>
</file>

<file path=ppt/slides/_rels/slide5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59.xml.rels><?xml version="1.0" encoding="UTF-8" standalone="yes"?>
<Relationships xmlns="http://schemas.openxmlformats.org/package/2006/relationships"><Relationship Id="rId3" Type="http://schemas.openxmlformats.org/officeDocument/2006/relationships/hyperlink" Target="https://ethics-of-ai.mooc.fi/fi/" TargetMode="External"/><Relationship Id="rId2" Type="http://schemas.openxmlformats.org/officeDocument/2006/relationships/notesSlide" Target="../notesSlides/notesSlide54.xml"/><Relationship Id="rId1" Type="http://schemas.openxmlformats.org/officeDocument/2006/relationships/slideLayout" Target="../slideLayouts/slideLayout10.xml"/><Relationship Id="rId6" Type="http://schemas.openxmlformats.org/officeDocument/2006/relationships/hyperlink" Target="https://www.europarl.europa.eu/pdfs/news/expert/2020/9/story/20200827STO85804/20200827STO85804_fi.pdf" TargetMode="External"/><Relationship Id="rId5" Type="http://schemas.openxmlformats.org/officeDocument/2006/relationships/hyperlink" Target="https://www.europarl.europa.eu/meetdocs/2014_2019/plmrep/COMMITTEES/JURI/DV/2019/11-06/Ethics-guidelines-AI_FI.pdf" TargetMode="External"/><Relationship Id="rId4" Type="http://schemas.openxmlformats.org/officeDocument/2006/relationships/hyperlink" Target="https://www.elementsofai.com/fi/" TargetMode="Externa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6.xml"/></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51.xml"/><Relationship Id="rId2" Type="http://schemas.openxmlformats.org/officeDocument/2006/relationships/customXml" Target="../../customXml/item8.xml"/><Relationship Id="rId1" Type="http://schemas.openxmlformats.org/officeDocument/2006/relationships/customXml" Target="../../customXml/item3.xml"/></Relationships>
</file>

<file path=ppt/slides/_rels/slide6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6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xml"/><Relationship Id="rId1" Type="http://schemas.openxmlformats.org/officeDocument/2006/relationships/customXml" Target="../../customXml/item9.xml"/><Relationship Id="rId4" Type="http://schemas.openxmlformats.org/officeDocument/2006/relationships/notesSlide" Target="../notesSlides/notesSlide55.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0.xml"/></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5.xml"/><Relationship Id="rId1" Type="http://schemas.openxmlformats.org/officeDocument/2006/relationships/tags" Target="../tags/tag2.xml"/><Relationship Id="rId5" Type="http://schemas.openxmlformats.org/officeDocument/2006/relationships/image" Target="../media/image54.svg"/><Relationship Id="rId4" Type="http://schemas.openxmlformats.org/officeDocument/2006/relationships/image" Target="../media/image53.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BC21CF40-5E6C-4D34-BE5D-E6AEB8BF3CC8}"/>
              </a:ext>
              <a:ext uri="{C183D7F6-B498-43B3-948B-1728B52AA6E4}">
                <adec:decorative xmlns:adec="http://schemas.microsoft.com/office/drawing/2017/decorative" val="1"/>
              </a:ext>
            </a:extLst>
          </p:cNvPr>
          <p:cNvSpPr>
            <a:spLocks noGrp="1"/>
          </p:cNvSpPr>
          <p:nvPr>
            <p:ph type="pic" sz="quarter" idx="16"/>
          </p:nvPr>
        </p:nvSpPr>
        <p:spPr>
          <a:solidFill>
            <a:schemeClr val="bg1"/>
          </a:solidFill>
        </p:spPr>
        <p:txBody>
          <a:bodyPr/>
          <a:lstStyle/>
          <a:p>
            <a:r>
              <a:rPr lang="fi-FI"/>
              <a:t> </a:t>
            </a:r>
          </a:p>
        </p:txBody>
      </p:sp>
      <p:sp>
        <p:nvSpPr>
          <p:cNvPr id="2" name="Title 1">
            <a:extLst>
              <a:ext uri="{FF2B5EF4-FFF2-40B4-BE49-F238E27FC236}">
                <a16:creationId xmlns:a16="http://schemas.microsoft.com/office/drawing/2014/main" id="{DB2CA2A1-0F18-A179-D24C-9387238E0A54}"/>
              </a:ext>
            </a:extLst>
          </p:cNvPr>
          <p:cNvSpPr>
            <a:spLocks noGrp="1"/>
          </p:cNvSpPr>
          <p:nvPr>
            <p:ph type="title"/>
          </p:nvPr>
        </p:nvSpPr>
        <p:spPr/>
        <p:txBody>
          <a:bodyPr/>
          <a:lstStyle/>
          <a:p>
            <a:r>
              <a:rPr lang="fi-FI"/>
              <a:t>Tekoälyn lukutaito-opas</a:t>
            </a:r>
          </a:p>
        </p:txBody>
      </p:sp>
      <p:sp>
        <p:nvSpPr>
          <p:cNvPr id="7" name="Text Placeholder 6">
            <a:extLst>
              <a:ext uri="{FF2B5EF4-FFF2-40B4-BE49-F238E27FC236}">
                <a16:creationId xmlns:a16="http://schemas.microsoft.com/office/drawing/2014/main" id="{A44821D2-6994-571C-9E41-810A320E89B8}"/>
              </a:ext>
            </a:extLst>
          </p:cNvPr>
          <p:cNvSpPr>
            <a:spLocks noGrp="1"/>
          </p:cNvSpPr>
          <p:nvPr>
            <p:ph type="body" sz="quarter" idx="15"/>
          </p:nvPr>
        </p:nvSpPr>
        <p:spPr/>
        <p:txBody>
          <a:bodyPr/>
          <a:lstStyle/>
          <a:p>
            <a:r>
              <a:rPr lang="fi-FI"/>
              <a:t>24.1.2025</a:t>
            </a:r>
          </a:p>
        </p:txBody>
      </p:sp>
      <p:pic>
        <p:nvPicPr>
          <p:cNvPr id="11" name="Graphic 10">
            <a:extLst>
              <a:ext uri="{FF2B5EF4-FFF2-40B4-BE49-F238E27FC236}">
                <a16:creationId xmlns:a16="http://schemas.microsoft.com/office/drawing/2014/main" id="{E850B4E9-FB38-1782-DBEF-18F8A9F08FC4}"/>
              </a:ext>
              <a:ext uri="{C183D7F6-B498-43B3-948B-1728B52AA6E4}">
                <adec:decorative xmlns:adec="http://schemas.microsoft.com/office/drawing/2017/decorative" val="1"/>
              </a:ext>
            </a:extLst>
          </p:cNvPr>
          <p:cNvPicPr>
            <a:picLocks noChangeAspect="1"/>
          </p:cNvPicPr>
          <p:nvPr>
            <p:custDataLst>
              <p:tags r:id="rId3"/>
            </p:custDataLst>
          </p:nvPr>
        </p:nvPicPr>
        <p:blipFill>
          <a:blip r:embed="rId5" cstate="print">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a:fillRect/>
          </a:stretch>
        </p:blipFill>
        <p:spPr>
          <a:xfrm>
            <a:off x="5479855" y="1939240"/>
            <a:ext cx="5032040" cy="3344370"/>
          </a:xfrm>
          <a:prstGeom prst="rect">
            <a:avLst/>
          </a:prstGeom>
        </p:spPr>
      </p:pic>
      <p:pic>
        <p:nvPicPr>
          <p:cNvPr id="4" name="Picture 3" descr="A white letters on a black background&#10;&#10;AI-generated content may be incorrect.">
            <a:extLst>
              <a:ext uri="{FF2B5EF4-FFF2-40B4-BE49-F238E27FC236}">
                <a16:creationId xmlns:a16="http://schemas.microsoft.com/office/drawing/2014/main" id="{BC05D85F-95A6-4F1E-726D-C275E8316B33}"/>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28790" y="6034954"/>
            <a:ext cx="1732843" cy="682723"/>
          </a:xfrm>
          <a:prstGeom prst="rect">
            <a:avLst/>
          </a:prstGeom>
        </p:spPr>
      </p:pic>
    </p:spTree>
    <p:custDataLst>
      <p:custData r:id="rId1"/>
      <p:custData r:id="rId2"/>
    </p:custDataLst>
    <p:extLst>
      <p:ext uri="{BB962C8B-B14F-4D97-AF65-F5344CB8AC3E}">
        <p14:creationId xmlns:p14="http://schemas.microsoft.com/office/powerpoint/2010/main" val="49299926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D25C81-FD4B-9261-4759-9FD09214AE4C}"/>
              </a:ext>
            </a:extLst>
          </p:cNvPr>
          <p:cNvSpPr>
            <a:spLocks noGrp="1"/>
          </p:cNvSpPr>
          <p:nvPr>
            <p:ph type="title"/>
          </p:nvPr>
        </p:nvSpPr>
        <p:spPr/>
        <p:txBody>
          <a:bodyPr/>
          <a:lstStyle/>
          <a:p>
            <a:pPr marL="7937" indent="0">
              <a:buNone/>
            </a:pPr>
            <a:r>
              <a:rPr lang="fi-FI" b="1"/>
              <a:t>Mitä ominaisuuksia tekoälyn eri muodoilla on?</a:t>
            </a:r>
          </a:p>
        </p:txBody>
      </p:sp>
      <p:sp>
        <p:nvSpPr>
          <p:cNvPr id="3" name="Text Placeholder 2">
            <a:extLst>
              <a:ext uri="{FF2B5EF4-FFF2-40B4-BE49-F238E27FC236}">
                <a16:creationId xmlns:a16="http://schemas.microsoft.com/office/drawing/2014/main" id="{1C16392C-CF2B-AB4E-60A3-87DDEEDF9353}"/>
              </a:ext>
            </a:extLst>
          </p:cNvPr>
          <p:cNvSpPr>
            <a:spLocks noGrp="1"/>
          </p:cNvSpPr>
          <p:nvPr>
            <p:ph type="body" sz="quarter" idx="13"/>
          </p:nvPr>
        </p:nvSpPr>
        <p:spPr/>
        <p:txBody>
          <a:bodyPr/>
          <a:lstStyle/>
          <a:p>
            <a:r>
              <a:rPr lang="fi-FI"/>
              <a:t>2. Tekoälyn perusteet</a:t>
            </a:r>
          </a:p>
        </p:txBody>
      </p:sp>
      <p:sp>
        <p:nvSpPr>
          <p:cNvPr id="7" name="Slide Number Placeholder 6">
            <a:extLst>
              <a:ext uri="{FF2B5EF4-FFF2-40B4-BE49-F238E27FC236}">
                <a16:creationId xmlns:a16="http://schemas.microsoft.com/office/drawing/2014/main" id="{1202A258-A0E9-50BA-D2D8-DDD07A65B701}"/>
              </a:ext>
            </a:extLst>
          </p:cNvPr>
          <p:cNvSpPr>
            <a:spLocks noGrp="1"/>
          </p:cNvSpPr>
          <p:nvPr>
            <p:ph type="sldNum" sz="quarter" idx="15"/>
          </p:nvPr>
        </p:nvSpPr>
        <p:spPr/>
        <p:txBody>
          <a:bodyPr/>
          <a:lstStyle/>
          <a:p>
            <a:fld id="{B64FCF4A-2F3F-4397-9C44-D2344643394B}" type="slidenum">
              <a:rPr lang="fi-FI" smtClean="0"/>
              <a:pPr/>
              <a:t>10</a:t>
            </a:fld>
            <a:endParaRPr lang="fi-FI"/>
          </a:p>
        </p:txBody>
      </p:sp>
      <p:sp>
        <p:nvSpPr>
          <p:cNvPr id="5" name="Content Placeholder 4">
            <a:extLst>
              <a:ext uri="{FF2B5EF4-FFF2-40B4-BE49-F238E27FC236}">
                <a16:creationId xmlns:a16="http://schemas.microsoft.com/office/drawing/2014/main" id="{0E7FB337-01F7-99A3-BE83-79280C110D15}"/>
              </a:ext>
            </a:extLst>
          </p:cNvPr>
          <p:cNvSpPr>
            <a:spLocks noGrp="1"/>
          </p:cNvSpPr>
          <p:nvPr>
            <p:ph sz="quarter" idx="10"/>
          </p:nvPr>
        </p:nvSpPr>
        <p:spPr>
          <a:xfrm>
            <a:off x="695325" y="1931154"/>
            <a:ext cx="6812712" cy="4717295"/>
          </a:xfrm>
        </p:spPr>
        <p:txBody>
          <a:bodyPr/>
          <a:lstStyle/>
          <a:p>
            <a:pPr marL="7937" indent="0">
              <a:buNone/>
            </a:pPr>
            <a:r>
              <a:rPr lang="fi-FI" sz="1400"/>
              <a:t>Tekoälyä voidaan luokitella monilla tavoilla. Kun erilaisia tekoälyn ominaisuuksia hyödynnetään käytännössä, tekoäly jaetaan sen toimintatavan ja käyttötarkoituksen perusteella usein karkeasti kahteen osa-alueeseen: </a:t>
            </a:r>
            <a:r>
              <a:rPr lang="fi-FI" sz="1400" b="1"/>
              <a:t>analyyttiseen ja generatiiviseen tekoälyyn. </a:t>
            </a:r>
          </a:p>
          <a:p>
            <a:pPr marL="7937" indent="0">
              <a:buNone/>
            </a:pPr>
            <a:r>
              <a:rPr lang="fi-FI" sz="1400" b="1"/>
              <a:t>Analyyttinen tekoäly </a:t>
            </a:r>
            <a:r>
              <a:rPr lang="fi-FI" sz="1400"/>
              <a:t>keskittyy tiedon analysointiin ja kaavojen tunnistamiseen. Sen tehtävänä on tulkita olemassa olevaa dataa ja käyttää sitä esimerkiksi ennusteiden tekemiseen, ongelmien tunnistamiseen tai optimointiin. Analyyttinen tekoäly toimii järjestelmien taustalla ja usein parantaa järjestelmien toiminnan laatua, turvallisuutta tai tehokkuutta.</a:t>
            </a:r>
          </a:p>
          <a:p>
            <a:pPr marL="7937" indent="0">
              <a:buNone/>
            </a:pPr>
            <a:r>
              <a:rPr lang="fi-FI" sz="1400" b="1"/>
              <a:t>Generatiivinen tekoäly </a:t>
            </a:r>
            <a:r>
              <a:rPr lang="fi-FI" sz="1400"/>
              <a:t>puolestaan nimensä mukaisesti generoi, eli luo tai tuottaa uutta sisältöä, kuten tekstiä, kuvia tai videoita. Tällaiset järjestelmät on koulutettu jäljittelemään sisältöjen rakenteita ja tyylejä annettujen ohjeiden perusteella.</a:t>
            </a:r>
          </a:p>
          <a:p>
            <a:pPr marL="7937" indent="0">
              <a:buNone/>
            </a:pPr>
            <a:r>
              <a:rPr lang="fi-FI" sz="1400"/>
              <a:t>Generatiivinen tekoäly tarvitsee ihmisen arvioimaan sen tuottamaa sisältöä ja varmistamaan tulosten vastuullisen soveltamisen. Erityisesti generatiivisen tekoälyn käytön lisääntyminen näkyy hyvinvointialueiden työntekijöiden arjessa, missä ihmisellä on aktiivinen rooli tekoälyn tuotosten arvioinnissa.</a:t>
            </a:r>
          </a:p>
          <a:p>
            <a:pPr marL="7937" indent="0">
              <a:buNone/>
            </a:pPr>
            <a:r>
              <a:rPr lang="fi-FI" sz="1400"/>
              <a:t> </a:t>
            </a:r>
          </a:p>
          <a:p>
            <a:pPr marL="7937" indent="0">
              <a:buNone/>
            </a:pPr>
            <a:endParaRPr lang="fi-FI" sz="1400"/>
          </a:p>
          <a:p>
            <a:pPr marL="7937" indent="0">
              <a:buNone/>
            </a:pPr>
            <a:endParaRPr lang="fi-FI" sz="1400"/>
          </a:p>
        </p:txBody>
      </p:sp>
      <p:sp>
        <p:nvSpPr>
          <p:cNvPr id="11" name="Graphic 44">
            <a:extLst>
              <a:ext uri="{FF2B5EF4-FFF2-40B4-BE49-F238E27FC236}">
                <a16:creationId xmlns:a16="http://schemas.microsoft.com/office/drawing/2014/main" id="{A2F348AF-EB3A-DD13-E313-496BA0E11E68}"/>
              </a:ext>
            </a:extLst>
          </p:cNvPr>
          <p:cNvSpPr/>
          <p:nvPr/>
        </p:nvSpPr>
        <p:spPr>
          <a:xfrm>
            <a:off x="8058306" y="1915898"/>
            <a:ext cx="3438369" cy="4573871"/>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marL="7937" indent="0">
              <a:buNone/>
            </a:pPr>
            <a:r>
              <a:rPr lang="fi-FI" sz="1400" b="1">
                <a:latin typeface="+mj-lt"/>
              </a:rPr>
              <a:t>Monet tekoälyjärjestelmät hyödyntävät useampia tekoälyn muotoja</a:t>
            </a:r>
          </a:p>
          <a:p>
            <a:pPr marL="7937" indent="0">
              <a:buNone/>
            </a:pPr>
            <a:endParaRPr lang="fi-FI" sz="1400"/>
          </a:p>
          <a:p>
            <a:pPr marL="7937" indent="0">
              <a:buNone/>
            </a:pPr>
            <a:r>
              <a:rPr lang="fi-FI" sz="1400"/>
              <a:t>Esimerkiksi potilaskirjausten automatisointiin kehitetty tekoälyjärjestelmä hyödyntää muun muassa puheentunnistusta, kielen ymmärtämistä, olennaisten tietojen tunnistamista sekä tekstin tiivistämistä ja tuottamista.</a:t>
            </a:r>
          </a:p>
          <a:p>
            <a:pPr marL="7937" indent="0">
              <a:buNone/>
            </a:pPr>
            <a:endParaRPr lang="fi-FI" sz="1400"/>
          </a:p>
          <a:p>
            <a:pPr marL="7937" indent="0">
              <a:buNone/>
            </a:pPr>
            <a:r>
              <a:rPr lang="fi-FI" sz="1400"/>
              <a:t>Kaikki älykkäältä vaikuttava järjestelmän toiminta ei kuitenkaan aina perustu tekoälyyn tai ole uutta teknologiaa. Esimerkiksi potilaskirjausten automatisoinnissa voidaan hyödyntää myös ohjelmaan määritettyjä sääntöjä, joiden mukaan ohjelma täyttää vaaditut kentät.</a:t>
            </a:r>
          </a:p>
        </p:txBody>
      </p:sp>
    </p:spTree>
    <p:extLst>
      <p:ext uri="{BB962C8B-B14F-4D97-AF65-F5344CB8AC3E}">
        <p14:creationId xmlns:p14="http://schemas.microsoft.com/office/powerpoint/2010/main" val="67177720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4C4AED-D9F2-6B54-711E-7EA2AE87EC42}"/>
            </a:ext>
          </a:extLst>
        </p:cNvPr>
        <p:cNvGrpSpPr/>
        <p:nvPr/>
      </p:nvGrpSpPr>
      <p:grpSpPr>
        <a:xfrm>
          <a:off x="0" y="0"/>
          <a:ext cx="0" cy="0"/>
          <a:chOff x="0" y="0"/>
          <a:chExt cx="0" cy="0"/>
        </a:xfrm>
      </p:grpSpPr>
      <p:sp>
        <p:nvSpPr>
          <p:cNvPr id="14" name="Title 13">
            <a:extLst>
              <a:ext uri="{FF2B5EF4-FFF2-40B4-BE49-F238E27FC236}">
                <a16:creationId xmlns:a16="http://schemas.microsoft.com/office/drawing/2014/main" id="{58112296-8EE9-088D-5A1B-D82FFA7A9308}"/>
              </a:ext>
            </a:extLst>
          </p:cNvPr>
          <p:cNvSpPr>
            <a:spLocks noGrp="1"/>
          </p:cNvSpPr>
          <p:nvPr>
            <p:ph type="title"/>
          </p:nvPr>
        </p:nvSpPr>
        <p:spPr/>
        <p:txBody>
          <a:bodyPr/>
          <a:lstStyle/>
          <a:p>
            <a:r>
              <a:rPr lang="fi-FI"/>
              <a:t>Mitä ovat kielimallit?</a:t>
            </a:r>
          </a:p>
        </p:txBody>
      </p:sp>
      <p:sp>
        <p:nvSpPr>
          <p:cNvPr id="16" name="Text Placeholder 15">
            <a:extLst>
              <a:ext uri="{FF2B5EF4-FFF2-40B4-BE49-F238E27FC236}">
                <a16:creationId xmlns:a16="http://schemas.microsoft.com/office/drawing/2014/main" id="{E29162C7-9512-3639-1C5C-8B4B326B614A}"/>
              </a:ext>
            </a:extLst>
          </p:cNvPr>
          <p:cNvSpPr>
            <a:spLocks noGrp="1"/>
          </p:cNvSpPr>
          <p:nvPr>
            <p:ph type="body" sz="quarter" idx="13"/>
          </p:nvPr>
        </p:nvSpPr>
        <p:spPr/>
        <p:txBody>
          <a:bodyPr/>
          <a:lstStyle/>
          <a:p>
            <a:r>
              <a:rPr lang="fi-FI"/>
              <a:t>2. Tekoälyn perusteet</a:t>
            </a:r>
          </a:p>
        </p:txBody>
      </p:sp>
      <p:sp>
        <p:nvSpPr>
          <p:cNvPr id="8" name="Slide Number Placeholder 7">
            <a:extLst>
              <a:ext uri="{FF2B5EF4-FFF2-40B4-BE49-F238E27FC236}">
                <a16:creationId xmlns:a16="http://schemas.microsoft.com/office/drawing/2014/main" id="{5520AED9-805B-3D36-3959-2256D51B5D37}"/>
              </a:ext>
            </a:extLst>
          </p:cNvPr>
          <p:cNvSpPr>
            <a:spLocks noGrp="1"/>
          </p:cNvSpPr>
          <p:nvPr>
            <p:ph type="sldNum" sz="quarter" idx="15"/>
          </p:nvPr>
        </p:nvSpPr>
        <p:spPr/>
        <p:txBody>
          <a:bodyPr/>
          <a:lstStyle/>
          <a:p>
            <a:fld id="{B64FCF4A-2F3F-4397-9C44-D2344643394B}" type="slidenum">
              <a:rPr lang="fi-FI" smtClean="0"/>
              <a:pPr/>
              <a:t>11</a:t>
            </a:fld>
            <a:endParaRPr lang="fi-FI"/>
          </a:p>
        </p:txBody>
      </p:sp>
      <p:sp>
        <p:nvSpPr>
          <p:cNvPr id="15" name="Content Placeholder 14">
            <a:extLst>
              <a:ext uri="{FF2B5EF4-FFF2-40B4-BE49-F238E27FC236}">
                <a16:creationId xmlns:a16="http://schemas.microsoft.com/office/drawing/2014/main" id="{4F27F85A-A7EC-7CC2-DF11-01046BD7AB38}"/>
              </a:ext>
            </a:extLst>
          </p:cNvPr>
          <p:cNvSpPr>
            <a:spLocks noGrp="1"/>
          </p:cNvSpPr>
          <p:nvPr>
            <p:ph sz="quarter" idx="10"/>
          </p:nvPr>
        </p:nvSpPr>
        <p:spPr>
          <a:xfrm>
            <a:off x="695326" y="1916113"/>
            <a:ext cx="7200900" cy="4569089"/>
          </a:xfrm>
        </p:spPr>
        <p:txBody>
          <a:bodyPr/>
          <a:lstStyle/>
          <a:p>
            <a:pPr marL="7937" indent="0">
              <a:buNone/>
            </a:pPr>
            <a:r>
              <a:rPr lang="fi-FI" sz="1400" b="1"/>
              <a:t>Generatiivinen tekoäly käyttää kielimalleja - Mitä ne ovat? </a:t>
            </a:r>
          </a:p>
          <a:p>
            <a:pPr marL="7937" indent="0">
              <a:buNone/>
            </a:pPr>
            <a:r>
              <a:rPr lang="fi-FI" sz="1400"/>
              <a:t>Kielimallit ovat tekoälymalleja, jotka on erityisesti suunniteltu ymmärtämään ja tuottamaan tekstiä. Kielimalleja koulutetaan valtavilla tietomäärillä eri lähteistä, kuten kirjoista, artikkeleista ja verkkosivustoista. Näin ne oppivat kielen rakenteita ja pystyvät muodostamaan selkeitä lauseita ja vastauksia. Muun muassa </a:t>
            </a:r>
            <a:r>
              <a:rPr lang="fi-FI" sz="1400" err="1"/>
              <a:t>ChatGPT</a:t>
            </a:r>
            <a:r>
              <a:rPr lang="fi-FI" sz="1400"/>
              <a:t> käyttää taustallaan GPT-4 -kielimallia.</a:t>
            </a:r>
            <a:endParaRPr lang="fi-FI" sz="1400" b="1"/>
          </a:p>
          <a:p>
            <a:pPr marL="7937" indent="0">
              <a:buNone/>
            </a:pPr>
            <a:r>
              <a:rPr lang="fi-FI" sz="1400" b="1"/>
              <a:t>Mitä kielimallit osaavat ja miten ne toimivat?</a:t>
            </a:r>
          </a:p>
          <a:p>
            <a:pPr marL="7937" indent="0">
              <a:buNone/>
            </a:pPr>
            <a:r>
              <a:rPr lang="fi-FI" sz="1400"/>
              <a:t>Kielimalleja voidaan opettaa esimerkiksi vastaamaan kysymyksiin ja muokkaamaan ja tuottamaan tekstiä annettujen ohjeiden pohjalta. Kielimalleja voidaan hienosäätää ja niin toimivuutta voidaan parantaa organisaation käyttötarpeen mukaisesti esimerkiksi toimialakohtaisilla aineistoilla.</a:t>
            </a:r>
          </a:p>
          <a:p>
            <a:pPr marL="7937" indent="0">
              <a:buNone/>
            </a:pPr>
            <a:r>
              <a:rPr lang="fi-FI" sz="1400" b="1"/>
              <a:t>Mitä kielimallit eivät osaa?</a:t>
            </a:r>
          </a:p>
          <a:p>
            <a:pPr marL="7937" indent="0">
              <a:buNone/>
            </a:pPr>
            <a:r>
              <a:rPr lang="fi-FI" sz="1400"/>
              <a:t>Vaikka kielimallien tuottamat vastaukset ja tekstit voivat usein osua oikeaan ja vaikuttaa vakuuttavilta, kielimalli ei tiedä mikä on totta. Niiden tuottamat vastaukset perustuvat opetusaineiston perusteella opittuihin todennäköisyyksiin ja esimerkiksi opetusaineiston vanhentuneet tai virheelliset tiedot voivat vaikuttaa kielimallin vastauksiin. </a:t>
            </a:r>
          </a:p>
          <a:p>
            <a:pPr marL="7937" indent="0">
              <a:buNone/>
            </a:pPr>
            <a:r>
              <a:rPr lang="fi-FI" sz="1400"/>
              <a:t>Kielimalleja hyödyntäviä tekoälyjärjestelmiä voidaan kuitenkin myös ohjeistaa vastaamaan tiettyjen määriteltyjen aineistojen perusteella ja niissä voidaan hyödyntää muita teknologioita tarkistamaan tietojen oikeellisuutta.</a:t>
            </a:r>
          </a:p>
        </p:txBody>
      </p:sp>
      <p:sp>
        <p:nvSpPr>
          <p:cNvPr id="19" name="Graphic 44">
            <a:extLst>
              <a:ext uri="{FF2B5EF4-FFF2-40B4-BE49-F238E27FC236}">
                <a16:creationId xmlns:a16="http://schemas.microsoft.com/office/drawing/2014/main" id="{CEE6390A-B6EF-F2FD-48C0-E48056014C53}"/>
              </a:ext>
            </a:extLst>
          </p:cNvPr>
          <p:cNvSpPr/>
          <p:nvPr/>
        </p:nvSpPr>
        <p:spPr>
          <a:xfrm>
            <a:off x="8100811" y="1920053"/>
            <a:ext cx="3386957" cy="456908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80000" rIns="108000" bIns="108000" rtlCol="0" anchor="ctr"/>
          <a:lstStyle/>
          <a:p>
            <a:pPr marR="0" lvl="0" algn="l" defTabSz="914400" rtl="0" eaLnBrk="1" fontAlgn="auto" latinLnBrk="0" hangingPunct="1">
              <a:lnSpc>
                <a:spcPct val="100000"/>
              </a:lnSpc>
              <a:spcBef>
                <a:spcPts val="0"/>
              </a:spcBef>
              <a:spcAft>
                <a:spcPts val="0"/>
              </a:spcAft>
              <a:buClr>
                <a:srgbClr val="FF8E33"/>
              </a:buClr>
              <a:buSzTx/>
              <a:tabLst/>
              <a:defRPr/>
            </a:pPr>
            <a:endParaRPr lang="fi-FI" sz="1400" b="1"/>
          </a:p>
          <a:p>
            <a:pPr marR="0" lvl="0" algn="l" defTabSz="914400" rtl="0" eaLnBrk="1" fontAlgn="auto" latinLnBrk="0" hangingPunct="1">
              <a:lnSpc>
                <a:spcPct val="100000"/>
              </a:lnSpc>
              <a:spcBef>
                <a:spcPts val="0"/>
              </a:spcBef>
              <a:spcAft>
                <a:spcPts val="0"/>
              </a:spcAft>
              <a:buClr>
                <a:srgbClr val="FF8E33"/>
              </a:buClr>
              <a:buSzTx/>
              <a:tabLst/>
              <a:defRPr/>
            </a:pPr>
            <a:r>
              <a:rPr lang="fi-FI" sz="1400" b="1">
                <a:latin typeface="+mj-lt"/>
              </a:rPr>
              <a:t>Kielimallit eivät ole tietopankkeja tai hakukoneita</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b="1"/>
          </a:p>
          <a:p>
            <a:pPr marR="0" lvl="0" algn="l" defTabSz="914400" rtl="0" eaLnBrk="1" fontAlgn="auto" latinLnBrk="0" hangingPunct="1">
              <a:lnSpc>
                <a:spcPct val="100000"/>
              </a:lnSpc>
              <a:spcBef>
                <a:spcPts val="0"/>
              </a:spcBef>
              <a:spcAft>
                <a:spcPts val="0"/>
              </a:spcAft>
              <a:buClr>
                <a:srgbClr val="FF8E33"/>
              </a:buClr>
              <a:buSzTx/>
              <a:tabLst/>
              <a:defRPr/>
            </a:pPr>
            <a:r>
              <a:rPr lang="fi-FI" sz="1400"/>
              <a:t>Kielimalli voi auttaa tiedonhakua, jos sillä on pääsy johonkin tietoaineistoon, kuten ohjepankkiin.</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a:t>Tällöin ihminen voi esimerkiksi hakea tietoa ohjepankista puhumalla tai kirjoittamalla. </a:t>
            </a:r>
          </a:p>
          <a:p>
            <a:pPr marR="0" lvl="0" algn="l" defTabSz="914400" rtl="0" eaLnBrk="1" fontAlgn="auto" latinLnBrk="0" hangingPunct="1">
              <a:lnSpc>
                <a:spcPct val="100000"/>
              </a:lnSpc>
              <a:spcBef>
                <a:spcPts val="0"/>
              </a:spcBef>
              <a:spcAft>
                <a:spcPts val="0"/>
              </a:spcAft>
              <a:buClr>
                <a:srgbClr val="FF8E33"/>
              </a:buClr>
              <a:buSzTx/>
              <a:tabLst/>
              <a:defRPr/>
            </a:pPr>
            <a:r>
              <a:rPr lang="fi-FI" sz="1400"/>
              <a:t>Kielimalli pystyy tulkitsemaan kieltä ja asiayhteyksiä ja voi näin analysoida ohjepankin tietoja ihmisen esittämää pyyntöä vasten.</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a:t>Kielimallin avulla hakutulokset voidaan palauttaa ihmiselle ymmärrettävässä ja jäsennellyssä muodossa.</a:t>
            </a:r>
          </a:p>
          <a:p>
            <a:pPr marR="0" lvl="0" algn="l" defTabSz="914400" rtl="0" eaLnBrk="1" fontAlgn="auto" latinLnBrk="0" hangingPunct="1">
              <a:lnSpc>
                <a:spcPct val="100000"/>
              </a:lnSpc>
              <a:spcBef>
                <a:spcPts val="0"/>
              </a:spcBef>
              <a:spcAft>
                <a:spcPts val="0"/>
              </a:spcAft>
              <a:buClr>
                <a:srgbClr val="FF8E33"/>
              </a:buClr>
              <a:buSzTx/>
              <a:tabLst/>
              <a:defRPr/>
            </a:pPr>
            <a:endParaRPr lang="fi-FI" sz="1050"/>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fi-FI" sz="1400" b="0" i="0" u="none" strike="noStrike" kern="1000" cap="none" spc="-30" normalizeH="0" baseline="0" noProof="0">
              <a:ln>
                <a:noFill/>
              </a:ln>
              <a:effectLst/>
              <a:uLnTx/>
              <a:uFillTx/>
              <a:latin typeface="Cadiz Book"/>
              <a:ea typeface="+mn-ea"/>
              <a:cs typeface="+mn-cs"/>
            </a:endParaRPr>
          </a:p>
        </p:txBody>
      </p:sp>
    </p:spTree>
    <p:extLst>
      <p:ext uri="{BB962C8B-B14F-4D97-AF65-F5344CB8AC3E}">
        <p14:creationId xmlns:p14="http://schemas.microsoft.com/office/powerpoint/2010/main" val="404051937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CCF6B2-EBB9-B9D8-D40E-06E476C8A114}"/>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3A9A8400-C134-E2FF-D424-503981E5D886}"/>
              </a:ext>
            </a:extLst>
          </p:cNvPr>
          <p:cNvSpPr>
            <a:spLocks noGrp="1"/>
          </p:cNvSpPr>
          <p:nvPr>
            <p:ph type="body" sz="quarter" idx="13"/>
          </p:nvPr>
        </p:nvSpPr>
        <p:spPr/>
        <p:txBody>
          <a:bodyPr/>
          <a:lstStyle/>
          <a:p>
            <a:r>
              <a:rPr lang="fi-FI"/>
              <a:t>2. Tekoälyn perusteet</a:t>
            </a:r>
          </a:p>
        </p:txBody>
      </p:sp>
      <p:sp>
        <p:nvSpPr>
          <p:cNvPr id="5" name="Slide Number Placeholder 4">
            <a:extLst>
              <a:ext uri="{FF2B5EF4-FFF2-40B4-BE49-F238E27FC236}">
                <a16:creationId xmlns:a16="http://schemas.microsoft.com/office/drawing/2014/main" id="{E00314EA-E635-73E9-D9B1-68B3A85FD3D1}"/>
              </a:ext>
            </a:extLst>
          </p:cNvPr>
          <p:cNvSpPr>
            <a:spLocks noGrp="1"/>
          </p:cNvSpPr>
          <p:nvPr>
            <p:ph type="sldNum" sz="quarter" idx="15"/>
          </p:nvPr>
        </p:nvSpPr>
        <p:spPr/>
        <p:txBody>
          <a:bodyPr/>
          <a:lstStyle/>
          <a:p>
            <a:fld id="{B64FCF4A-2F3F-4397-9C44-D2344643394B}" type="slidenum">
              <a:rPr lang="fi-FI" smtClean="0"/>
              <a:pPr/>
              <a:t>12</a:t>
            </a:fld>
            <a:endParaRPr lang="fi-FI"/>
          </a:p>
        </p:txBody>
      </p:sp>
      <p:sp>
        <p:nvSpPr>
          <p:cNvPr id="17" name="Content Placeholder 16">
            <a:extLst>
              <a:ext uri="{FF2B5EF4-FFF2-40B4-BE49-F238E27FC236}">
                <a16:creationId xmlns:a16="http://schemas.microsoft.com/office/drawing/2014/main" id="{7D2398D3-A279-7F87-C670-6B0429C67713}"/>
              </a:ext>
            </a:extLst>
          </p:cNvPr>
          <p:cNvSpPr>
            <a:spLocks noGrp="1"/>
          </p:cNvSpPr>
          <p:nvPr>
            <p:ph sz="quarter" idx="10"/>
          </p:nvPr>
        </p:nvSpPr>
        <p:spPr/>
        <p:txBody>
          <a:bodyPr/>
          <a:lstStyle/>
          <a:p>
            <a:r>
              <a:rPr lang="fi-FI"/>
              <a:t>Tekoälyllä tarkoitetaan teknologioita, jotka mahdollistavat koneiden suorittaa ihmisen älykkyyttä vaativia tehtäviä, kuten oppimista, päättelyä ja päätöksentekoa.</a:t>
            </a:r>
          </a:p>
          <a:p>
            <a:r>
              <a:rPr lang="fi-FI"/>
              <a:t>Se oppii suurista tietomääristä joko valmiiden esimerkkien avulla tai analysoimalla tietoa ilman esimerkkejä.</a:t>
            </a:r>
          </a:p>
          <a:p>
            <a:r>
              <a:rPr lang="fi-FI"/>
              <a:t>Tekoäly osaa analysoida tietoa, tunnistaa kaavoja ja luoda uutta sisältöä, kuten tekstiä ja kuvia.</a:t>
            </a:r>
          </a:p>
          <a:p>
            <a:r>
              <a:rPr lang="fi-FI"/>
              <a:t>Tekoäly ei "tiedä" asioita, vaan sen toiminta perustuu opetusaineiston ja ohjelmoitujen sääntöjen tuottamiin todennäköisyyksiin.</a:t>
            </a:r>
          </a:p>
          <a:p>
            <a:endParaRPr lang="fi-FI"/>
          </a:p>
        </p:txBody>
      </p:sp>
      <p:sp>
        <p:nvSpPr>
          <p:cNvPr id="3" name="Graphic 44">
            <a:extLst>
              <a:ext uri="{FF2B5EF4-FFF2-40B4-BE49-F238E27FC236}">
                <a16:creationId xmlns:a16="http://schemas.microsoft.com/office/drawing/2014/main" id="{D5E3060A-F614-F818-5F24-BB099191BB58}"/>
              </a:ext>
            </a:extLst>
          </p:cNvPr>
          <p:cNvSpPr txBox="1">
            <a:spLocks/>
          </p:cNvSpPr>
          <p:nvPr/>
        </p:nvSpPr>
        <p:spPr>
          <a:xfrm>
            <a:off x="7798826" y="494910"/>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TEKOÄLY</a:t>
            </a:r>
          </a:p>
          <a:p>
            <a:r>
              <a:rPr lang="fi-FI" sz="1200" spc="-30">
                <a:solidFill>
                  <a:schemeClr val="tx1"/>
                </a:solidFill>
              </a:rPr>
              <a:t>Nimitys teknologioille, jonka avulla koneet ja tietokoneohjelmat voivat suorittaa tehtäviä, jotka yleensä vaativat ihmisen älykkyyttä.</a:t>
            </a:r>
          </a:p>
        </p:txBody>
      </p:sp>
      <p:sp>
        <p:nvSpPr>
          <p:cNvPr id="29" name="Graphic 44">
            <a:extLst>
              <a:ext uri="{FF2B5EF4-FFF2-40B4-BE49-F238E27FC236}">
                <a16:creationId xmlns:a16="http://schemas.microsoft.com/office/drawing/2014/main" id="{561D8E63-5D67-87A1-7705-A4150B3BDA3D}"/>
              </a:ext>
            </a:extLst>
          </p:cNvPr>
          <p:cNvSpPr txBox="1">
            <a:spLocks/>
          </p:cNvSpPr>
          <p:nvPr/>
        </p:nvSpPr>
        <p:spPr>
          <a:xfrm>
            <a:off x="7798826" y="1691621"/>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KONEOPPIMINEN</a:t>
            </a:r>
          </a:p>
          <a:p>
            <a:r>
              <a:rPr lang="fi-FI" sz="1200" spc="-30">
                <a:solidFill>
                  <a:schemeClr val="tx1"/>
                </a:solidFill>
              </a:rPr>
              <a:t>Oppii itse datan pohjalta luoden malleja ja ennusteita.</a:t>
            </a:r>
          </a:p>
        </p:txBody>
      </p:sp>
      <p:sp>
        <p:nvSpPr>
          <p:cNvPr id="19" name="Graphic 44">
            <a:extLst>
              <a:ext uri="{FF2B5EF4-FFF2-40B4-BE49-F238E27FC236}">
                <a16:creationId xmlns:a16="http://schemas.microsoft.com/office/drawing/2014/main" id="{F2DA7C98-97FE-D269-5AB7-AB8DBB6C6A64}"/>
              </a:ext>
            </a:extLst>
          </p:cNvPr>
          <p:cNvSpPr/>
          <p:nvPr/>
        </p:nvSpPr>
        <p:spPr>
          <a:xfrm>
            <a:off x="7798826" y="2888332"/>
            <a:ext cx="3682180" cy="1108661"/>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08000" tIns="108000" rIns="108000" bIns="108000" rtlCol="0" anchor="t"/>
          <a:lstStyle/>
          <a:p>
            <a:r>
              <a:rPr lang="fi-FI" sz="1200" kern="1000" spc="-30">
                <a:latin typeface="+mj-lt"/>
              </a:rPr>
              <a:t>ANALYYTTINEN TEKOÄLY</a:t>
            </a:r>
            <a:br>
              <a:rPr lang="fi-FI" sz="1200" kern="1000" spc="-30">
                <a:latin typeface="+mj-lt"/>
              </a:rPr>
            </a:br>
            <a:br>
              <a:rPr lang="fi-FI" sz="1200" kern="1000" spc="-30"/>
            </a:br>
            <a:r>
              <a:rPr lang="fi-FI" sz="1200" kern="1000" spc="-30"/>
              <a:t>Keskittyy datan analysointiin, ennusteiden tekemiseen ja ongelmien ratkaisuun.</a:t>
            </a:r>
          </a:p>
        </p:txBody>
      </p:sp>
      <p:sp>
        <p:nvSpPr>
          <p:cNvPr id="27" name="Graphic 44">
            <a:extLst>
              <a:ext uri="{FF2B5EF4-FFF2-40B4-BE49-F238E27FC236}">
                <a16:creationId xmlns:a16="http://schemas.microsoft.com/office/drawing/2014/main" id="{19153E9F-5184-67BD-6765-C55FF0EE7D36}"/>
              </a:ext>
            </a:extLst>
          </p:cNvPr>
          <p:cNvSpPr>
            <a:spLocks noGrp="1"/>
          </p:cNvSpPr>
          <p:nvPr>
            <p:ph type="body" sz="quarter" idx="18"/>
          </p:nvPr>
        </p:nvSpPr>
        <p:spPr>
          <a:xfrm>
            <a:off x="7798827" y="4114204"/>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08000" tIns="108000" rIns="108000" bIns="108000" rtlCol="0" anchor="t"/>
          <a:lstStyle/>
          <a:p>
            <a:r>
              <a:rPr lang="fi-FI" sz="1200" spc="-30">
                <a:solidFill>
                  <a:schemeClr val="tx1"/>
                </a:solidFill>
                <a:latin typeface="+mj-lt"/>
              </a:rPr>
              <a:t>GENERATIIVINEN</a:t>
            </a:r>
            <a:r>
              <a:rPr lang="fi-FI" sz="1200" kern="1000" spc="-30">
                <a:solidFill>
                  <a:schemeClr val="tx1"/>
                </a:solidFill>
                <a:latin typeface="+mj-lt"/>
              </a:rPr>
              <a:t> TEKOÄLY</a:t>
            </a:r>
            <a:br>
              <a:rPr lang="fi-FI" sz="1200" kern="1000" spc="-30">
                <a:solidFill>
                  <a:schemeClr val="tx1"/>
                </a:solidFill>
                <a:latin typeface="+mj-lt"/>
              </a:rPr>
            </a:br>
            <a:br>
              <a:rPr lang="fi-FI" sz="1200" kern="1000" spc="-30">
                <a:solidFill>
                  <a:schemeClr val="tx1"/>
                </a:solidFill>
              </a:rPr>
            </a:br>
            <a:r>
              <a:rPr lang="fi-FI" sz="1200" kern="1000" spc="-30">
                <a:solidFill>
                  <a:schemeClr val="tx1"/>
                </a:solidFill>
              </a:rPr>
              <a:t>Tuottaa uutta sisältöä oppimansa perusteella, kuten tekstejä ja kuvia</a:t>
            </a:r>
          </a:p>
        </p:txBody>
      </p:sp>
      <p:sp>
        <p:nvSpPr>
          <p:cNvPr id="28" name="Graphic 44">
            <a:extLst>
              <a:ext uri="{FF2B5EF4-FFF2-40B4-BE49-F238E27FC236}">
                <a16:creationId xmlns:a16="http://schemas.microsoft.com/office/drawing/2014/main" id="{76400493-268A-11B8-076F-4F71EE5017E3}"/>
              </a:ext>
            </a:extLst>
          </p:cNvPr>
          <p:cNvSpPr>
            <a:spLocks noGrp="1"/>
          </p:cNvSpPr>
          <p:nvPr>
            <p:ph type="body" sz="quarter" idx="20"/>
          </p:nvPr>
        </p:nvSpPr>
        <p:spPr>
          <a:xfrm>
            <a:off x="7798827" y="5310915"/>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08000" tIns="108000" rIns="108000" bIns="108000" rtlCol="0" anchor="t"/>
          <a:lstStyle/>
          <a:p>
            <a:r>
              <a:rPr lang="fi-FI" sz="1200" spc="-30">
                <a:solidFill>
                  <a:schemeClr val="tx1"/>
                </a:solidFill>
                <a:latin typeface="+mj-lt"/>
              </a:rPr>
              <a:t>KIELIMALLI</a:t>
            </a:r>
          </a:p>
          <a:p>
            <a:r>
              <a:rPr lang="fi-FI" sz="1200" kern="1000" spc="-30">
                <a:solidFill>
                  <a:schemeClr val="tx1"/>
                </a:solidFill>
              </a:rPr>
              <a:t>Kielimallit ovat tekoälymalleja, jotka on suunniteltu ymmärtämään ja tuottamaan tekstiä.</a:t>
            </a:r>
          </a:p>
          <a:p>
            <a:endParaRPr lang="fi-FI" sz="1200" kern="1000" spc="-30">
              <a:solidFill>
                <a:schemeClr val="tx1"/>
              </a:solidFill>
            </a:endParaRPr>
          </a:p>
          <a:p>
            <a:endParaRPr lang="fi-FI" sz="1200" kern="1000" spc="-30">
              <a:solidFill>
                <a:schemeClr val="tx1"/>
              </a:solidFill>
            </a:endParaRPr>
          </a:p>
        </p:txBody>
      </p:sp>
    </p:spTree>
    <p:extLst>
      <p:ext uri="{BB962C8B-B14F-4D97-AF65-F5344CB8AC3E}">
        <p14:creationId xmlns:p14="http://schemas.microsoft.com/office/powerpoint/2010/main" val="386189417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490C9486-10BB-9709-4D03-829B42EB298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60CF243-DE27-4DB5-9379-226F632E02F7}"/>
              </a:ext>
            </a:extLst>
          </p:cNvPr>
          <p:cNvSpPr>
            <a:spLocks noGrp="1"/>
          </p:cNvSpPr>
          <p:nvPr>
            <p:ph type="title"/>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E474B969-5D7D-E0C9-B424-EC3BD8B58A1C}"/>
              </a:ext>
            </a:extLst>
          </p:cNvPr>
          <p:cNvSpPr>
            <a:spLocks noGrp="1"/>
          </p:cNvSpPr>
          <p:nvPr>
            <p:ph type="sldNum" sz="quarter" idx="16"/>
          </p:nvPr>
        </p:nvSpPr>
        <p:spPr/>
        <p:txBody>
          <a:bodyPr/>
          <a:lstStyle/>
          <a:p>
            <a:fld id="{B64FCF4A-2F3F-4397-9C44-D2344643394B}" type="slidenum">
              <a:rPr lang="fi-FI" smtClean="0"/>
              <a:pPr/>
              <a:t>13</a:t>
            </a:fld>
            <a:endParaRPr lang="fi-FI"/>
          </a:p>
        </p:txBody>
      </p:sp>
    </p:spTree>
    <p:extLst>
      <p:ext uri="{BB962C8B-B14F-4D97-AF65-F5344CB8AC3E}">
        <p14:creationId xmlns:p14="http://schemas.microsoft.com/office/powerpoint/2010/main" val="310608879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A9D966-3C7F-5961-A260-E92F1F3BD8D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C47A4A4-B5DE-CB3C-EA62-3B3FE23F550D}"/>
              </a:ext>
            </a:extLst>
          </p:cNvPr>
          <p:cNvSpPr>
            <a:spLocks noGrp="1"/>
          </p:cNvSpPr>
          <p:nvPr>
            <p:ph type="title"/>
          </p:nvPr>
        </p:nvSpPr>
        <p:spPr/>
        <p:txBody>
          <a:bodyPr/>
          <a:lstStyle/>
          <a:p>
            <a:r>
              <a:rPr lang="fi-FI"/>
              <a:t>Tekoälyn käyttökohteita</a:t>
            </a:r>
          </a:p>
        </p:txBody>
      </p:sp>
      <p:pic>
        <p:nvPicPr>
          <p:cNvPr id="9" name="Graphic 8">
            <a:extLst>
              <a:ext uri="{FF2B5EF4-FFF2-40B4-BE49-F238E27FC236}">
                <a16:creationId xmlns:a16="http://schemas.microsoft.com/office/drawing/2014/main" id="{6D190222-4B1B-8D74-E8AE-E36A0B9FFC54}"/>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33" name="Text Placeholder 32">
            <a:extLst>
              <a:ext uri="{FF2B5EF4-FFF2-40B4-BE49-F238E27FC236}">
                <a16:creationId xmlns:a16="http://schemas.microsoft.com/office/drawing/2014/main" id="{59FC3588-AA57-C489-A928-735FABED66F5}"/>
              </a:ext>
            </a:extLst>
          </p:cNvPr>
          <p:cNvSpPr>
            <a:spLocks noGrp="1"/>
          </p:cNvSpPr>
          <p:nvPr>
            <p:ph type="body" sz="quarter" idx="13"/>
          </p:nvPr>
        </p:nvSpPr>
        <p:spPr/>
        <p:txBody>
          <a:bodyPr/>
          <a:lstStyle/>
          <a:p>
            <a:r>
              <a:rPr lang="fi-FI" noProof="0"/>
              <a:t>3. Tekoälyn käyttökohteita</a:t>
            </a:r>
          </a:p>
        </p:txBody>
      </p:sp>
      <p:sp>
        <p:nvSpPr>
          <p:cNvPr id="8" name="Slide Number Placeholder 7">
            <a:extLst>
              <a:ext uri="{FF2B5EF4-FFF2-40B4-BE49-F238E27FC236}">
                <a16:creationId xmlns:a16="http://schemas.microsoft.com/office/drawing/2014/main" id="{86072DC0-F850-C86A-FD15-B8BD81DF1A68}"/>
              </a:ext>
            </a:extLst>
          </p:cNvPr>
          <p:cNvSpPr>
            <a:spLocks noGrp="1"/>
          </p:cNvSpPr>
          <p:nvPr>
            <p:ph type="sldNum" sz="quarter" idx="15"/>
          </p:nvPr>
        </p:nvSpPr>
        <p:spPr/>
        <p:txBody>
          <a:bodyPr/>
          <a:lstStyle/>
          <a:p>
            <a:fld id="{B64FCF4A-2F3F-4397-9C44-D2344643394B}" type="slidenum">
              <a:rPr lang="fi-FI" smtClean="0"/>
              <a:pPr/>
              <a:t>14</a:t>
            </a:fld>
            <a:endParaRPr lang="fi-FI"/>
          </a:p>
        </p:txBody>
      </p:sp>
      <p:sp>
        <p:nvSpPr>
          <p:cNvPr id="5" name="Content Placeholder 4">
            <a:extLst>
              <a:ext uri="{FF2B5EF4-FFF2-40B4-BE49-F238E27FC236}">
                <a16:creationId xmlns:a16="http://schemas.microsoft.com/office/drawing/2014/main" id="{56E56192-F5DC-69FA-426C-5879408BC06C}"/>
              </a:ext>
            </a:extLst>
          </p:cNvPr>
          <p:cNvSpPr>
            <a:spLocks noGrp="1"/>
          </p:cNvSpPr>
          <p:nvPr>
            <p:ph sz="quarter" idx="10"/>
          </p:nvPr>
        </p:nvSpPr>
        <p:spPr>
          <a:xfrm>
            <a:off x="695326" y="2074514"/>
            <a:ext cx="6298142" cy="3991822"/>
          </a:xfrm>
        </p:spPr>
        <p:txBody>
          <a:bodyPr/>
          <a:lstStyle/>
          <a:p>
            <a:pPr marL="7937" indent="0">
              <a:buNone/>
            </a:pPr>
            <a:r>
              <a:rPr lang="fi-FI"/>
              <a:t>Tekoälyä hyödynnetään hyvinvointialueilla jo monin tavoin. Tässä luvussa tarkastellaan tekoälyn sovelluksia ja tulevaisuuden mahdollisuuksia. Sosiaali-, terveys- ja pelastustoimialoilta sekä hallinnosta esitetyt käytännön esimerkit auttavat lukijaa ymmärtämään tekoälyn käyttökohteita omassa työssään, organisaatiossaan ja toimialallaan.</a:t>
            </a:r>
          </a:p>
          <a:p>
            <a:pPr marL="7937" indent="0">
              <a:buNone/>
            </a:pPr>
            <a:endParaRPr lang="fi-FI"/>
          </a:p>
          <a:p>
            <a:pPr marL="7937" indent="0">
              <a:buNone/>
            </a:pPr>
            <a:r>
              <a:rPr lang="fi-FI">
                <a:latin typeface="+mj-lt"/>
              </a:rPr>
              <a:t>Missä ja mihin tekoälyä käytetään? </a:t>
            </a:r>
          </a:p>
          <a:p>
            <a:pPr marL="7937" indent="0">
              <a:buNone/>
            </a:pPr>
            <a:r>
              <a:rPr lang="fi-FI">
                <a:latin typeface="+mj-lt"/>
              </a:rPr>
              <a:t>Miten tekoälyn käyttö kehittyy hyvinvointialueilla?</a:t>
            </a:r>
          </a:p>
          <a:p>
            <a:pPr marL="7937" indent="0">
              <a:buNone/>
            </a:pPr>
            <a:r>
              <a:rPr lang="fi-FI">
                <a:latin typeface="+mj-lt"/>
              </a:rPr>
              <a:t>Millä tavoin tekoälyä voidaan hyödyntää hyvinvointialueilla?</a:t>
            </a:r>
          </a:p>
          <a:p>
            <a:pPr marL="7937" indent="0">
              <a:buNone/>
            </a:pPr>
            <a:r>
              <a:rPr lang="fi-FI">
                <a:latin typeface="+mj-lt"/>
              </a:rPr>
              <a:t>Esimerkkejä tekoälyn käyttökohteista eri toimialoilla</a:t>
            </a:r>
            <a:endParaRPr lang="fi-FI"/>
          </a:p>
        </p:txBody>
      </p:sp>
      <p:sp>
        <p:nvSpPr>
          <p:cNvPr id="54" name="TextBox 53">
            <a:extLst>
              <a:ext uri="{FF2B5EF4-FFF2-40B4-BE49-F238E27FC236}">
                <a16:creationId xmlns:a16="http://schemas.microsoft.com/office/drawing/2014/main" id="{8C9A4C7B-DF8A-F4D9-08F1-57A774701DDE}"/>
              </a:ext>
            </a:extLst>
          </p:cNvPr>
          <p:cNvSpPr txBox="1"/>
          <p:nvPr/>
        </p:nvSpPr>
        <p:spPr>
          <a:xfrm>
            <a:off x="7896226" y="963597"/>
            <a:ext cx="3342984" cy="2400657"/>
          </a:xfrm>
          <a:prstGeom prst="rect">
            <a:avLst/>
          </a:prstGeom>
          <a:noFill/>
        </p:spPr>
        <p:txBody>
          <a:bodyPr wrap="square">
            <a:spAutoFit/>
          </a:bodyPr>
          <a:lstStyle/>
          <a:p>
            <a:r>
              <a:rPr lang="fi-FI">
                <a:latin typeface="+mj-lt"/>
                <a:cs typeface="Cadiz Book (Body)" panose="020B0604020202020204"/>
              </a:rPr>
              <a:t>Oppimistavoitteet</a:t>
            </a:r>
            <a:br>
              <a:rPr lang="fi-FI">
                <a:latin typeface="+mj-lt"/>
                <a:cs typeface="Cadiz Book (Body)" panose="020B0604020202020204"/>
              </a:rPr>
            </a:br>
            <a:endParaRPr lang="fi-FI">
              <a:latin typeface="+mj-lt"/>
              <a:cs typeface="Cadiz Book (Body)" panose="020B0604020202020204"/>
            </a:endParaRPr>
          </a:p>
          <a:p>
            <a:pPr marL="285750" indent="-285750">
              <a:buFont typeface="Wingdings" panose="05000000000000000000" pitchFamily="2" charset="2"/>
              <a:buChar char="ü"/>
            </a:pPr>
            <a:r>
              <a:rPr lang="fi-FI" sz="1400">
                <a:cs typeface="Cadiz Book (Body)" panose="020B0604020202020204"/>
              </a:rPr>
              <a:t>Ymmärtää missä ja mihin tekoälyä käytetään</a:t>
            </a:r>
          </a:p>
          <a:p>
            <a:pPr marL="285750" indent="-285750">
              <a:buFont typeface="Wingdings" panose="05000000000000000000" pitchFamily="2" charset="2"/>
              <a:buChar char="ü"/>
            </a:pPr>
            <a:r>
              <a:rPr lang="fi-FI" sz="1400">
                <a:cs typeface="Cadiz Book (Body)" panose="020B0604020202020204"/>
              </a:rPr>
              <a:t>Ymmärtää tekoälyn tyypillisiä sovelluskohteita hyvinvointialueiden toimialoilla</a:t>
            </a:r>
          </a:p>
          <a:p>
            <a:pPr marL="285750" indent="-285750">
              <a:buFont typeface="Wingdings" panose="05000000000000000000" pitchFamily="2" charset="2"/>
              <a:buChar char="ü"/>
            </a:pPr>
            <a:r>
              <a:rPr lang="fi-FI" sz="1400">
                <a:cs typeface="Cadiz Book (Body)" panose="020B0604020202020204"/>
              </a:rPr>
              <a:t>Tunnistaa tekoälyn käyttökohteita omalla toimialalla</a:t>
            </a:r>
          </a:p>
          <a:p>
            <a:pPr marL="285750" indent="-285750">
              <a:buFont typeface="Wingdings" panose="05000000000000000000" pitchFamily="2" charset="2"/>
              <a:buChar char="ü"/>
            </a:pPr>
            <a:endParaRPr lang="fi-FI" sz="1600">
              <a:latin typeface="Cadiz Book (Body)" panose="020B0604020202020204"/>
              <a:cs typeface="Cadiz Book (Body)" panose="020B0604020202020204"/>
            </a:endParaRPr>
          </a:p>
        </p:txBody>
      </p:sp>
    </p:spTree>
    <p:extLst>
      <p:ext uri="{BB962C8B-B14F-4D97-AF65-F5344CB8AC3E}">
        <p14:creationId xmlns:p14="http://schemas.microsoft.com/office/powerpoint/2010/main" val="422360024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487B93-29C9-4D42-1CF0-8D216827F8D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8853C1E-CDBD-EBDE-85B4-3D949FF70EAC}"/>
              </a:ext>
            </a:extLst>
          </p:cNvPr>
          <p:cNvSpPr>
            <a:spLocks noGrp="1"/>
          </p:cNvSpPr>
          <p:nvPr>
            <p:ph type="title"/>
          </p:nvPr>
        </p:nvSpPr>
        <p:spPr/>
        <p:txBody>
          <a:bodyPr/>
          <a:lstStyle/>
          <a:p>
            <a:r>
              <a:rPr lang="fi-FI"/>
              <a:t>Missä ja mihin tekoälyä käytetään?</a:t>
            </a:r>
          </a:p>
        </p:txBody>
      </p:sp>
      <p:sp>
        <p:nvSpPr>
          <p:cNvPr id="3" name="Text Placeholder 2">
            <a:extLst>
              <a:ext uri="{FF2B5EF4-FFF2-40B4-BE49-F238E27FC236}">
                <a16:creationId xmlns:a16="http://schemas.microsoft.com/office/drawing/2014/main" id="{F7E07DC3-86DB-8AB8-A357-7772DC1291E1}"/>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E6F09BA1-2634-D3AC-E4B3-78452A3072A6}"/>
              </a:ext>
            </a:extLst>
          </p:cNvPr>
          <p:cNvSpPr>
            <a:spLocks noGrp="1"/>
          </p:cNvSpPr>
          <p:nvPr>
            <p:ph type="sldNum" sz="quarter" idx="15"/>
          </p:nvPr>
        </p:nvSpPr>
        <p:spPr/>
        <p:txBody>
          <a:bodyPr/>
          <a:lstStyle/>
          <a:p>
            <a:fld id="{B64FCF4A-2F3F-4397-9C44-D2344643394B}" type="slidenum">
              <a:rPr lang="fi-FI" smtClean="0"/>
              <a:pPr/>
              <a:t>15</a:t>
            </a:fld>
            <a:endParaRPr lang="fi-FI"/>
          </a:p>
        </p:txBody>
      </p:sp>
      <p:sp>
        <p:nvSpPr>
          <p:cNvPr id="6" name="Content Placeholder 5">
            <a:extLst>
              <a:ext uri="{FF2B5EF4-FFF2-40B4-BE49-F238E27FC236}">
                <a16:creationId xmlns:a16="http://schemas.microsoft.com/office/drawing/2014/main" id="{04432350-C145-1550-85DE-02948456B9C2}"/>
              </a:ext>
            </a:extLst>
          </p:cNvPr>
          <p:cNvSpPr>
            <a:spLocks noGrp="1"/>
          </p:cNvSpPr>
          <p:nvPr>
            <p:ph sz="quarter" idx="10"/>
          </p:nvPr>
        </p:nvSpPr>
        <p:spPr>
          <a:xfrm>
            <a:off x="695325" y="2276211"/>
            <a:ext cx="7200900" cy="3991822"/>
          </a:xfrm>
        </p:spPr>
        <p:txBody>
          <a:bodyPr/>
          <a:lstStyle/>
          <a:p>
            <a:pPr marL="7937" indent="0" fontAlgn="base">
              <a:buNone/>
            </a:pPr>
            <a:r>
              <a:rPr lang="fi-FI" sz="1600" kern="1000" cap="none" spc="-40">
                <a:solidFill>
                  <a:schemeClr val="tx1"/>
                </a:solidFill>
              </a:rPr>
              <a:t>Arjessa verkkokaupat suosittelevat tuotteita ostohistoriasi perusteella, navigaattori ehdottaa nopeinta reittiä liikennetietojen avulla tai älypuhelimen virtuaaliavustaja vastaa puhekomentoihin. N</a:t>
            </a:r>
            <a:r>
              <a:rPr lang="fi-FI" sz="1600">
                <a:solidFill>
                  <a:schemeClr val="tx1"/>
                </a:solidFill>
              </a:rPr>
              <a:t>äiden toimintojen taustalla on tekoälyjärjestelmä. </a:t>
            </a:r>
          </a:p>
          <a:p>
            <a:pPr marL="7937" indent="0" fontAlgn="base">
              <a:buNone/>
            </a:pPr>
            <a:r>
              <a:rPr lang="fi-FI" sz="1600">
                <a:solidFill>
                  <a:schemeClr val="tx1"/>
                </a:solidFill>
              </a:rPr>
              <a:t>Tekoälyjärjestelmällä tarkoitetaan tiettyyn käyttökohteeseen toteutettua järjestelmää, joka voi </a:t>
            </a:r>
            <a:r>
              <a:rPr lang="fi-FI" sz="1600"/>
              <a:t>toimia syötteiden perusteella, joko selkeästi annettujen tai epäsuorien tavoitteiden mukaisesti. </a:t>
            </a:r>
            <a:endParaRPr lang="fi-FI" sz="1600">
              <a:solidFill>
                <a:schemeClr val="tx1"/>
              </a:solidFill>
            </a:endParaRPr>
          </a:p>
          <a:p>
            <a:pPr marL="7937" indent="0" fontAlgn="base">
              <a:buNone/>
            </a:pPr>
            <a:r>
              <a:rPr lang="fi-FI" sz="1600">
                <a:solidFill>
                  <a:schemeClr val="tx1"/>
                </a:solidFill>
              </a:rPr>
              <a:t>Tekoälyjärjestelmät voivat </a:t>
            </a:r>
            <a:r>
              <a:rPr lang="fi-FI" sz="1600"/>
              <a:t>tuottaa erilaisia tuloksia, kuten ennusteita, sisältöä, suosituksia tai päätöksiä ja ne voivat toimia eriasteisilla autonomian tasoilla. </a:t>
            </a:r>
          </a:p>
          <a:p>
            <a:pPr marL="7937" indent="0" fontAlgn="base">
              <a:buNone/>
            </a:pPr>
            <a:r>
              <a:rPr lang="fi-FI" sz="1600"/>
              <a:t>Jotkin tekoälyjärjestelmät voivat mukauttaa toimintaansa käytön aikana ja päivittää oppimiaan kaavoja esimerkiksi käyttäjäpalautteen perusteella. Osa järjestelmistä puolestaan toimii ainoastaan etukäteen opetusaineistosta oppimiensa mallien pohjalta, eivätkä ne mukauta toimintaansa käyttöönoton jälkeen.</a:t>
            </a:r>
          </a:p>
          <a:p>
            <a:pPr marL="7937" indent="0" fontAlgn="base">
              <a:buNone/>
            </a:pPr>
            <a:r>
              <a:rPr lang="fi-FI" sz="1600"/>
              <a:t>Monet tekoälyjärjestelmät yhdistelevät</a:t>
            </a:r>
            <a:r>
              <a:rPr lang="fi-FI" sz="1600">
                <a:solidFill>
                  <a:schemeClr val="tx1"/>
                </a:solidFill>
              </a:rPr>
              <a:t> </a:t>
            </a:r>
            <a:r>
              <a:rPr lang="fi-FI" sz="1600"/>
              <a:t>eri tekoälyn muotoja ja muita teknologioita.</a:t>
            </a:r>
            <a:r>
              <a:rPr lang="fi-FI" sz="1600">
                <a:solidFill>
                  <a:schemeClr val="tx1"/>
                </a:solidFill>
              </a:rPr>
              <a:t> </a:t>
            </a:r>
          </a:p>
        </p:txBody>
      </p:sp>
      <p:sp>
        <p:nvSpPr>
          <p:cNvPr id="12" name="Graphic 44">
            <a:extLst>
              <a:ext uri="{FF2B5EF4-FFF2-40B4-BE49-F238E27FC236}">
                <a16:creationId xmlns:a16="http://schemas.microsoft.com/office/drawing/2014/main" id="{ACCA4AEE-EAC1-6D54-095C-66B4B774F68D}"/>
              </a:ext>
            </a:extLst>
          </p:cNvPr>
          <p:cNvSpPr/>
          <p:nvPr/>
        </p:nvSpPr>
        <p:spPr>
          <a:xfrm>
            <a:off x="8100811" y="1920053"/>
            <a:ext cx="3386957" cy="456908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80000" rIns="108000" bIns="108000" rtlCol="0" anchor="ctr"/>
          <a:lstStyle/>
          <a:p>
            <a:pPr marL="7937" indent="0" fontAlgn="base">
              <a:buNone/>
            </a:pPr>
            <a:endParaRPr lang="fi-FI" sz="1400"/>
          </a:p>
          <a:p>
            <a:pPr marL="7937" indent="0" fontAlgn="base">
              <a:buNone/>
            </a:pPr>
            <a:endParaRPr lang="fi-FI" sz="1400"/>
          </a:p>
          <a:p>
            <a:pPr marL="7937" fontAlgn="base"/>
            <a:r>
              <a:rPr lang="fi-FI" sz="1400" b="1">
                <a:solidFill>
                  <a:schemeClr val="tx1"/>
                </a:solidFill>
                <a:latin typeface="+mj-lt"/>
              </a:rPr>
              <a:t>Tekoälyjärjestelmät </a:t>
            </a:r>
            <a:r>
              <a:rPr lang="fi-FI" sz="1400" b="1">
                <a:latin typeface="+mj-lt"/>
              </a:rPr>
              <a:t>voivat toimia eriasteisilla autonomian tasoilla</a:t>
            </a:r>
            <a:endParaRPr lang="fi-FI" sz="1400" b="1">
              <a:solidFill>
                <a:schemeClr val="tx1"/>
              </a:solidFill>
              <a:latin typeface="+mj-lt"/>
            </a:endParaRPr>
          </a:p>
          <a:p>
            <a:pPr marL="7937" indent="0" fontAlgn="base">
              <a:buNone/>
            </a:pPr>
            <a:endParaRPr lang="fi-FI" sz="1400"/>
          </a:p>
          <a:p>
            <a:pPr marL="7937" indent="0" fontAlgn="base">
              <a:buNone/>
            </a:pPr>
            <a:r>
              <a:rPr lang="fi-FI" sz="1400"/>
              <a:t>Itsenäisesti toimivat järjestelmät </a:t>
            </a:r>
            <a:r>
              <a:rPr lang="fi-FI" sz="1400">
                <a:solidFill>
                  <a:schemeClr val="tx1"/>
                </a:solidFill>
              </a:rPr>
              <a:t>voivat esimerkiksi tehdä päätöksiä annettujen tavoitteiden tai sääntöjen pohjalta ilman ihmisen välitöntä ohjausta. </a:t>
            </a:r>
          </a:p>
          <a:p>
            <a:pPr marL="7937" indent="0" fontAlgn="base">
              <a:buNone/>
            </a:pPr>
            <a:endParaRPr lang="fi-FI" sz="1400">
              <a:solidFill>
                <a:schemeClr val="tx1"/>
              </a:solidFill>
            </a:endParaRPr>
          </a:p>
          <a:p>
            <a:pPr marL="7937" indent="0" fontAlgn="base">
              <a:buNone/>
            </a:pPr>
            <a:r>
              <a:rPr lang="fi-FI" sz="1400">
                <a:solidFill>
                  <a:schemeClr val="tx1"/>
                </a:solidFill>
              </a:rPr>
              <a:t>Osittain itsenäiset järjestelmät voivat puolestaan suorittaa tehtäviä niin, että tietyt vaiheet vaativat ihmisen hyväksyntää. </a:t>
            </a:r>
          </a:p>
          <a:p>
            <a:pPr marL="7937" indent="0" fontAlgn="base">
              <a:buNone/>
            </a:pPr>
            <a:endParaRPr lang="fi-FI" sz="1400"/>
          </a:p>
          <a:p>
            <a:pPr marL="7937" indent="0" fontAlgn="base">
              <a:buNone/>
            </a:pPr>
            <a:r>
              <a:rPr lang="fi-FI" sz="1400">
                <a:solidFill>
                  <a:schemeClr val="tx1"/>
                </a:solidFill>
              </a:rPr>
              <a:t>Apuvälineenä toimivat järjestelmät puolestaan tarjoavat esimerkiksi analyyseja tai muita tuloksia ihmisen käyttöön, mutta ihminen päättää kokonaan tulosten käyttämisestä ja päätöksenteosta.</a:t>
            </a:r>
          </a:p>
          <a:p>
            <a:endParaRPr lang="en-US" sz="1050"/>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fi-FI" sz="1400" b="0" i="0" u="none" strike="noStrike" kern="1000" cap="none" spc="-30" normalizeH="0" baseline="0" noProof="0">
              <a:ln>
                <a:noFill/>
              </a:ln>
              <a:effectLst/>
              <a:uLnTx/>
              <a:uFillTx/>
              <a:latin typeface="Cadiz Book"/>
              <a:ea typeface="+mn-ea"/>
              <a:cs typeface="+mn-cs"/>
            </a:endParaRPr>
          </a:p>
        </p:txBody>
      </p:sp>
    </p:spTree>
    <p:extLst>
      <p:ext uri="{BB962C8B-B14F-4D97-AF65-F5344CB8AC3E}">
        <p14:creationId xmlns:p14="http://schemas.microsoft.com/office/powerpoint/2010/main" val="199510748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98C1A63-908C-0219-11BF-5E4DE4FF9974}"/>
              </a:ext>
            </a:extLst>
          </p:cNvPr>
          <p:cNvSpPr>
            <a:spLocks noGrp="1"/>
          </p:cNvSpPr>
          <p:nvPr>
            <p:ph type="title"/>
          </p:nvPr>
        </p:nvSpPr>
        <p:spPr/>
        <p:txBody>
          <a:bodyPr/>
          <a:lstStyle/>
          <a:p>
            <a:r>
              <a:rPr lang="fi-FI"/>
              <a:t>Miten tekoälyn käyttö kehittyy hyvinvointialueilla?</a:t>
            </a:r>
          </a:p>
        </p:txBody>
      </p:sp>
      <p:sp>
        <p:nvSpPr>
          <p:cNvPr id="3" name="Text Placeholder 2">
            <a:extLst>
              <a:ext uri="{FF2B5EF4-FFF2-40B4-BE49-F238E27FC236}">
                <a16:creationId xmlns:a16="http://schemas.microsoft.com/office/drawing/2014/main" id="{9E39672C-8B70-150C-3705-68C1499558A8}"/>
              </a:ext>
            </a:extLst>
          </p:cNvPr>
          <p:cNvSpPr>
            <a:spLocks noGrp="1"/>
          </p:cNvSpPr>
          <p:nvPr>
            <p:ph type="body" sz="quarter" idx="13"/>
          </p:nvPr>
        </p:nvSpPr>
        <p:spPr/>
        <p:txBody>
          <a:bodyPr/>
          <a:lstStyle/>
          <a:p>
            <a:r>
              <a:rPr lang="fi-FI"/>
              <a:t>3. Tekoälyn käyttökohteita</a:t>
            </a:r>
          </a:p>
        </p:txBody>
      </p:sp>
      <p:sp>
        <p:nvSpPr>
          <p:cNvPr id="7" name="Slide Number Placeholder 6">
            <a:extLst>
              <a:ext uri="{FF2B5EF4-FFF2-40B4-BE49-F238E27FC236}">
                <a16:creationId xmlns:a16="http://schemas.microsoft.com/office/drawing/2014/main" id="{7D2A8327-C7D8-3489-02A8-2EC64897B55F}"/>
              </a:ext>
            </a:extLst>
          </p:cNvPr>
          <p:cNvSpPr>
            <a:spLocks noGrp="1"/>
          </p:cNvSpPr>
          <p:nvPr>
            <p:ph type="sldNum" sz="quarter" idx="15"/>
          </p:nvPr>
        </p:nvSpPr>
        <p:spPr/>
        <p:txBody>
          <a:bodyPr/>
          <a:lstStyle/>
          <a:p>
            <a:fld id="{B64FCF4A-2F3F-4397-9C44-D2344643394B}" type="slidenum">
              <a:rPr lang="fi-FI" smtClean="0"/>
              <a:pPr/>
              <a:t>16</a:t>
            </a:fld>
            <a:endParaRPr lang="fi-FI"/>
          </a:p>
        </p:txBody>
      </p:sp>
      <p:sp>
        <p:nvSpPr>
          <p:cNvPr id="5" name="Content Placeholder 4">
            <a:extLst>
              <a:ext uri="{FF2B5EF4-FFF2-40B4-BE49-F238E27FC236}">
                <a16:creationId xmlns:a16="http://schemas.microsoft.com/office/drawing/2014/main" id="{526FE43C-251F-D4D5-AD97-D86C3F09FA6F}"/>
              </a:ext>
            </a:extLst>
          </p:cNvPr>
          <p:cNvSpPr>
            <a:spLocks noGrp="1"/>
          </p:cNvSpPr>
          <p:nvPr>
            <p:ph sz="quarter" idx="10"/>
          </p:nvPr>
        </p:nvSpPr>
        <p:spPr>
          <a:xfrm>
            <a:off x="695325" y="2276211"/>
            <a:ext cx="8504946" cy="3991822"/>
          </a:xfrm>
        </p:spPr>
        <p:txBody>
          <a:bodyPr/>
          <a:lstStyle/>
          <a:p>
            <a:pPr marL="7937" indent="0">
              <a:buNone/>
            </a:pPr>
            <a:r>
              <a:rPr lang="fi-FI" sz="1600"/>
              <a:t>Hyvinvointialueiden työntekijät kohtaavat arjessaan yhä enemmän tekoälyjärjestelmiä. Tekoälyn käyttö yleistyy kaikilla hyvinvointialueilla, mutta jokainen alue etenee omien tavoitteidensa ja edellytystensä mukaisesti. Alueet päättävät itsenäisesti, missä ja miten ne soveltavat tekoälyä toiminnassaan. Tämän vuoksi tekoälyn käyttökohteet, toimintamallit ja ohjeet voivat vaihdella eri organisaatioissa.</a:t>
            </a:r>
          </a:p>
          <a:p>
            <a:pPr marL="7937" indent="0">
              <a:buNone/>
            </a:pPr>
            <a:r>
              <a:rPr lang="fi-FI" sz="1600"/>
              <a:t>Seuraavaksi esitellään yleisimpiä tehtäviä, joissa tekoälyä hyödynnetään ja tutustutaan käyttökohteisiin eri toimialoilta. Esimerkit yleisimmistä tehtävistä ovat kaikille toimialoille yhteisiä ja havainnollistavat miten laajasti tekoälyä voidaan hyödyntää. Näiden pohjalta jokainen voi myös tunnistaa mahdollisia tekoälyn käyttökohteita omassa työssään.</a:t>
            </a:r>
          </a:p>
          <a:p>
            <a:pPr marL="7937" indent="0">
              <a:buNone/>
            </a:pPr>
            <a:r>
              <a:rPr lang="fi-FI" sz="1600"/>
              <a:t>Oppaassa esitellyt käyttökohteet ovat yleisiä esimerkkejä, jotka perustuvat hyvinvointialueiden toimialoilla tunnistettuihin tarpeisiin ja tekoälyn sovellusmahdollisuuksiin. Niiden tarkoituksena on havainnollistaa tekoälyn tarjoamia mahdollisuuksia hyvinvointialueilla ja tarjota esimerkkejä tilanteista, joissa henkilöstö saattaa kohdata tekoälyjärjestelmiä omassa työssään.</a:t>
            </a:r>
          </a:p>
        </p:txBody>
      </p:sp>
    </p:spTree>
    <p:extLst>
      <p:ext uri="{BB962C8B-B14F-4D97-AF65-F5344CB8AC3E}">
        <p14:creationId xmlns:p14="http://schemas.microsoft.com/office/powerpoint/2010/main" val="378241199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C3AD17-3682-77E2-FB31-8BA8058C453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E033F0E-D533-07AE-6AE1-E93A5F58F825}"/>
              </a:ext>
            </a:extLst>
          </p:cNvPr>
          <p:cNvSpPr>
            <a:spLocks noGrp="1"/>
          </p:cNvSpPr>
          <p:nvPr>
            <p:ph type="title"/>
          </p:nvPr>
        </p:nvSpPr>
        <p:spPr/>
        <p:txBody>
          <a:bodyPr/>
          <a:lstStyle/>
          <a:p>
            <a:r>
              <a:rPr lang="fi-FI"/>
              <a:t>Millä tavoin tekoälyä voidaan hyödyntää hyvinvointialueilla?</a:t>
            </a:r>
          </a:p>
        </p:txBody>
      </p:sp>
      <p:sp>
        <p:nvSpPr>
          <p:cNvPr id="3" name="Text Placeholder 2">
            <a:extLst>
              <a:ext uri="{FF2B5EF4-FFF2-40B4-BE49-F238E27FC236}">
                <a16:creationId xmlns:a16="http://schemas.microsoft.com/office/drawing/2014/main" id="{4D6889CC-9C53-7986-BCDA-9512CC35848D}"/>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62F23F71-AB4B-3FC9-C0F4-80820F29D230}"/>
              </a:ext>
            </a:extLst>
          </p:cNvPr>
          <p:cNvSpPr>
            <a:spLocks noGrp="1"/>
          </p:cNvSpPr>
          <p:nvPr>
            <p:ph type="sldNum" sz="quarter" idx="15"/>
          </p:nvPr>
        </p:nvSpPr>
        <p:spPr/>
        <p:txBody>
          <a:bodyPr/>
          <a:lstStyle/>
          <a:p>
            <a:fld id="{B64FCF4A-2F3F-4397-9C44-D2344643394B}" type="slidenum">
              <a:rPr lang="fi-FI" smtClean="0"/>
              <a:pPr/>
              <a:t>17</a:t>
            </a:fld>
            <a:endParaRPr lang="fi-FI"/>
          </a:p>
        </p:txBody>
      </p:sp>
      <p:sp>
        <p:nvSpPr>
          <p:cNvPr id="41" name="Content Placeholder 40">
            <a:extLst>
              <a:ext uri="{FF2B5EF4-FFF2-40B4-BE49-F238E27FC236}">
                <a16:creationId xmlns:a16="http://schemas.microsoft.com/office/drawing/2014/main" id="{781B6138-B246-D907-A008-74612B8B45A4}"/>
              </a:ext>
            </a:extLst>
          </p:cNvPr>
          <p:cNvSpPr>
            <a:spLocks noGrp="1"/>
          </p:cNvSpPr>
          <p:nvPr>
            <p:ph sz="quarter" idx="16"/>
          </p:nvPr>
        </p:nvSpPr>
        <p:spPr>
          <a:xfrm>
            <a:off x="695326" y="1853330"/>
            <a:ext cx="7180582" cy="575534"/>
          </a:xfrm>
        </p:spPr>
        <p:txBody>
          <a:bodyPr/>
          <a:lstStyle/>
          <a:p>
            <a:r>
              <a:rPr lang="fi-FI">
                <a:latin typeface="Messina Modern Book" pitchFamily="2" charset="0"/>
              </a:rPr>
              <a:t>Tekoäly tarjoaa monia mahdollisuuksia hyvinvointialueilla. Alla olevat esimerkit ovat yleisiä ja laajasti sovellettavissa eri toimialoilla.</a:t>
            </a:r>
          </a:p>
          <a:p>
            <a:endParaRPr lang="fi-FI">
              <a:latin typeface="Messina Modern Book" pitchFamily="2" charset="0"/>
            </a:endParaRPr>
          </a:p>
        </p:txBody>
      </p:sp>
      <p:sp>
        <p:nvSpPr>
          <p:cNvPr id="24" name="Graphic 44">
            <a:extLst>
              <a:ext uri="{FF2B5EF4-FFF2-40B4-BE49-F238E27FC236}">
                <a16:creationId xmlns:a16="http://schemas.microsoft.com/office/drawing/2014/main" id="{FEFD5F38-061E-C50D-C91C-4B932D6B45F2}"/>
              </a:ext>
            </a:extLst>
          </p:cNvPr>
          <p:cNvSpPr>
            <a:spLocks noChangeAspect="1"/>
          </p:cNvSpPr>
          <p:nvPr/>
        </p:nvSpPr>
        <p:spPr>
          <a:xfrm>
            <a:off x="695171" y="253941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TIEDON ANALYSOINTI</a:t>
            </a:r>
          </a:p>
          <a:p>
            <a:endParaRPr lang="fi-FI" sz="1200" kern="1000" spc="-30"/>
          </a:p>
          <a:p>
            <a:r>
              <a:rPr lang="fi-FI" sz="1200" kern="1000" spc="-30"/>
              <a:t>Tekoäly tunnistaa tiedoista kaavoja ja trendejä ja ryhmittelee ja jäsentelee tietoa.</a:t>
            </a:r>
          </a:p>
        </p:txBody>
      </p:sp>
      <p:sp>
        <p:nvSpPr>
          <p:cNvPr id="31" name="Graphic 44">
            <a:extLst>
              <a:ext uri="{FF2B5EF4-FFF2-40B4-BE49-F238E27FC236}">
                <a16:creationId xmlns:a16="http://schemas.microsoft.com/office/drawing/2014/main" id="{59B53080-2D3D-3190-CC08-F9649CD94326}"/>
              </a:ext>
            </a:extLst>
          </p:cNvPr>
          <p:cNvSpPr>
            <a:spLocks noChangeAspect="1"/>
          </p:cNvSpPr>
          <p:nvPr/>
        </p:nvSpPr>
        <p:spPr>
          <a:xfrm>
            <a:off x="2840212" y="253941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PÄÄTÖKSENTEON TUKI</a:t>
            </a:r>
            <a:br>
              <a:rPr lang="fi-FI" sz="1200" kern="1000" spc="-30">
                <a:latin typeface="+mj-lt"/>
              </a:rPr>
            </a:br>
            <a:br>
              <a:rPr lang="fi-FI" sz="1200" kern="1000" spc="-30"/>
            </a:br>
            <a:r>
              <a:rPr lang="fi-FI" sz="1200" kern="1000" spc="-30"/>
              <a:t>Tekoäly tukee päätöksentekoa analysoimalla tietoja ja tunnistamalla mahdollisia riskejä tai poikkeamia.</a:t>
            </a:r>
          </a:p>
          <a:p>
            <a:endParaRPr lang="fi-FI" sz="1200"/>
          </a:p>
        </p:txBody>
      </p:sp>
      <p:sp>
        <p:nvSpPr>
          <p:cNvPr id="32" name="Graphic 44">
            <a:extLst>
              <a:ext uri="{FF2B5EF4-FFF2-40B4-BE49-F238E27FC236}">
                <a16:creationId xmlns:a16="http://schemas.microsoft.com/office/drawing/2014/main" id="{891B4E5D-5C9F-4814-5BFF-5DC2C727FE2F}"/>
              </a:ext>
            </a:extLst>
          </p:cNvPr>
          <p:cNvSpPr>
            <a:spLocks noChangeAspect="1"/>
          </p:cNvSpPr>
          <p:nvPr/>
        </p:nvSpPr>
        <p:spPr>
          <a:xfrm>
            <a:off x="4985098" y="25466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AUTOMAATIO </a:t>
            </a:r>
          </a:p>
          <a:p>
            <a:br>
              <a:rPr lang="fi-FI" sz="1200" kern="1000" spc="-30"/>
            </a:br>
            <a:endParaRPr lang="fi-FI" sz="1200" kern="1000" spc="-30"/>
          </a:p>
          <a:p>
            <a:r>
              <a:rPr lang="fi-FI" sz="1200" kern="1000" spc="-30"/>
              <a:t>Tekoäly automatisoi rutiinitehtäviä ja tehostaa prosesseja, kuten tietojen käsittelyä ja varausten hallintaa.</a:t>
            </a:r>
            <a:endParaRPr lang="fi-FI" sz="1200"/>
          </a:p>
        </p:txBody>
      </p:sp>
      <p:sp>
        <p:nvSpPr>
          <p:cNvPr id="33" name="Graphic 44">
            <a:extLst>
              <a:ext uri="{FF2B5EF4-FFF2-40B4-BE49-F238E27FC236}">
                <a16:creationId xmlns:a16="http://schemas.microsoft.com/office/drawing/2014/main" id="{2B2FC494-19ED-FC22-5C6F-E541581963DC}"/>
              </a:ext>
            </a:extLst>
          </p:cNvPr>
          <p:cNvSpPr>
            <a:spLocks noChangeAspect="1"/>
          </p:cNvSpPr>
          <p:nvPr/>
        </p:nvSpPr>
        <p:spPr>
          <a:xfrm>
            <a:off x="7129982" y="25466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KOMMUNIKOINTI JA VUOROVAIKUTUS</a:t>
            </a:r>
            <a:br>
              <a:rPr lang="fi-FI" sz="1200" kern="1000" spc="-30">
                <a:latin typeface="+mj-lt"/>
              </a:rPr>
            </a:br>
            <a:br>
              <a:rPr lang="fi-FI" sz="1200" kern="1000" spc="-30"/>
            </a:br>
            <a:r>
              <a:rPr lang="fi-FI" sz="1200" kern="1000" spc="-30"/>
              <a:t>Tekoälyavustajat vastaavat kysymyksiin ja tukevat monikielistä viestintää esimerkiksi reaaliaikaisilla käännöksillä.</a:t>
            </a:r>
            <a:endParaRPr lang="fi-FI" sz="1200"/>
          </a:p>
        </p:txBody>
      </p:sp>
      <p:sp>
        <p:nvSpPr>
          <p:cNvPr id="34" name="Graphic 44">
            <a:extLst>
              <a:ext uri="{FF2B5EF4-FFF2-40B4-BE49-F238E27FC236}">
                <a16:creationId xmlns:a16="http://schemas.microsoft.com/office/drawing/2014/main" id="{9D7A8B73-257C-64BC-1DFC-83FA32D261FC}"/>
              </a:ext>
            </a:extLst>
          </p:cNvPr>
          <p:cNvSpPr>
            <a:spLocks noChangeAspect="1"/>
          </p:cNvSpPr>
          <p:nvPr/>
        </p:nvSpPr>
        <p:spPr>
          <a:xfrm>
            <a:off x="9274866" y="25466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SISÄLLÖN TUOTTAMINEN</a:t>
            </a:r>
            <a:br>
              <a:rPr lang="fi-FI" sz="1200" kern="1000" spc="-30">
                <a:latin typeface="+mj-lt"/>
              </a:rPr>
            </a:br>
            <a:br>
              <a:rPr lang="fi-FI" sz="1200" kern="1000" spc="-30"/>
            </a:br>
            <a:r>
              <a:rPr lang="fi-FI" sz="1200" kern="1000" spc="-30"/>
              <a:t>Tekoäly luonnostelee raportteja, ohjeita ja muita asiakirjoja sekä visualisoi tietoa päätöksenteon tueksi.</a:t>
            </a:r>
          </a:p>
          <a:p>
            <a:endParaRPr lang="fi-FI" sz="1200"/>
          </a:p>
        </p:txBody>
      </p:sp>
      <p:sp>
        <p:nvSpPr>
          <p:cNvPr id="35" name="Graphic 44">
            <a:extLst>
              <a:ext uri="{FF2B5EF4-FFF2-40B4-BE49-F238E27FC236}">
                <a16:creationId xmlns:a16="http://schemas.microsoft.com/office/drawing/2014/main" id="{F94CADF3-EA51-E798-38FE-1C7FE5EAE60E}"/>
              </a:ext>
            </a:extLst>
          </p:cNvPr>
          <p:cNvSpPr>
            <a:spLocks noChangeAspect="1"/>
          </p:cNvSpPr>
          <p:nvPr/>
        </p:nvSpPr>
        <p:spPr>
          <a:xfrm>
            <a:off x="695327" y="448251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ENNAKOINTI</a:t>
            </a:r>
            <a:br>
              <a:rPr lang="fi-FI" sz="1200" kern="1000" spc="-30">
                <a:latin typeface="+mj-lt"/>
              </a:rPr>
            </a:br>
            <a:br>
              <a:rPr lang="fi-FI" sz="1200" kern="1000" spc="-30"/>
            </a:br>
            <a:r>
              <a:rPr lang="fi-FI" sz="1200" kern="1000" spc="-30"/>
              <a:t>Tekoäly ennustaa tulevia tarpeita ja auttaa suunnittelemaan ennaltaehkäiseviä toimia tai resurssien jakamista.</a:t>
            </a:r>
          </a:p>
        </p:txBody>
      </p:sp>
      <p:sp>
        <p:nvSpPr>
          <p:cNvPr id="36" name="Graphic 44">
            <a:extLst>
              <a:ext uri="{FF2B5EF4-FFF2-40B4-BE49-F238E27FC236}">
                <a16:creationId xmlns:a16="http://schemas.microsoft.com/office/drawing/2014/main" id="{50114CEA-D0E5-800F-61E7-015B54EFC271}"/>
              </a:ext>
            </a:extLst>
          </p:cNvPr>
          <p:cNvSpPr>
            <a:spLocks noChangeAspect="1"/>
          </p:cNvSpPr>
          <p:nvPr/>
        </p:nvSpPr>
        <p:spPr>
          <a:xfrm>
            <a:off x="2840212" y="4484103"/>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OPPIVAT JÄRJESTELMÄT</a:t>
            </a:r>
          </a:p>
          <a:p>
            <a:br>
              <a:rPr lang="fi-FI" sz="1200" kern="1000" spc="-30"/>
            </a:br>
            <a:r>
              <a:rPr lang="fi-FI" sz="1200" kern="1000" spc="-30"/>
              <a:t>Tekoäly oppii käyttäjien tarpeista ja mukautuu tuottamaan yksilöllisiä ratkaisuja tai parantaa järjestelmän toimintaa.</a:t>
            </a:r>
            <a:endParaRPr lang="fi-FI" sz="1200"/>
          </a:p>
        </p:txBody>
      </p:sp>
      <p:sp>
        <p:nvSpPr>
          <p:cNvPr id="37" name="Graphic 44">
            <a:extLst>
              <a:ext uri="{FF2B5EF4-FFF2-40B4-BE49-F238E27FC236}">
                <a16:creationId xmlns:a16="http://schemas.microsoft.com/office/drawing/2014/main" id="{50E78991-216A-C157-8F6A-7C66651EB5FA}"/>
              </a:ext>
            </a:extLst>
          </p:cNvPr>
          <p:cNvSpPr>
            <a:spLocks noChangeAspect="1"/>
          </p:cNvSpPr>
          <p:nvPr/>
        </p:nvSpPr>
        <p:spPr>
          <a:xfrm>
            <a:off x="4985097" y="44897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SEURANTA JA VALVONTA</a:t>
            </a:r>
            <a:br>
              <a:rPr lang="fi-FI" sz="1200" kern="1000" spc="-30">
                <a:latin typeface="+mj-lt"/>
              </a:rPr>
            </a:br>
            <a:br>
              <a:rPr lang="fi-FI" sz="1200" kern="1000" spc="-30"/>
            </a:br>
            <a:r>
              <a:rPr lang="fi-FI" sz="1200" kern="1000" spc="-30"/>
              <a:t>Tekoäly valvoo toimintoja ja tapahtumia, mittaa toiminnan laatua  ja tunnistaa poikkeamia tai riskejä.</a:t>
            </a:r>
            <a:endParaRPr lang="fi-FI" sz="1200"/>
          </a:p>
        </p:txBody>
      </p:sp>
      <p:sp>
        <p:nvSpPr>
          <p:cNvPr id="38" name="Graphic 44">
            <a:extLst>
              <a:ext uri="{FF2B5EF4-FFF2-40B4-BE49-F238E27FC236}">
                <a16:creationId xmlns:a16="http://schemas.microsoft.com/office/drawing/2014/main" id="{2F392C69-50EB-FE3B-EA03-CE384806F0CC}"/>
              </a:ext>
            </a:extLst>
          </p:cNvPr>
          <p:cNvSpPr>
            <a:spLocks noChangeAspect="1"/>
          </p:cNvSpPr>
          <p:nvPr/>
        </p:nvSpPr>
        <p:spPr>
          <a:xfrm>
            <a:off x="7129982" y="4491333"/>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RESURSSIEN HALLINTA</a:t>
            </a:r>
            <a:br>
              <a:rPr lang="fi-FI" sz="1200" kern="1000" spc="-30">
                <a:latin typeface="+mj-lt"/>
              </a:rPr>
            </a:br>
            <a:br>
              <a:rPr lang="fi-FI" sz="1200" kern="1000" spc="-30"/>
            </a:br>
            <a:r>
              <a:rPr lang="fi-FI" sz="1200" kern="1000" spc="-30"/>
              <a:t>Tekoäly suunnittelee työvuoroja ja optimoi resurssien käyttöä sekä reittejä.</a:t>
            </a:r>
            <a:endParaRPr lang="fi-FI" sz="1200"/>
          </a:p>
        </p:txBody>
      </p:sp>
      <p:sp>
        <p:nvSpPr>
          <p:cNvPr id="39" name="Graphic 44">
            <a:extLst>
              <a:ext uri="{FF2B5EF4-FFF2-40B4-BE49-F238E27FC236}">
                <a16:creationId xmlns:a16="http://schemas.microsoft.com/office/drawing/2014/main" id="{06948682-87B1-7F83-AC4E-C921A2BE5F31}"/>
              </a:ext>
            </a:extLst>
          </p:cNvPr>
          <p:cNvSpPr>
            <a:spLocks noChangeAspect="1"/>
          </p:cNvSpPr>
          <p:nvPr/>
        </p:nvSpPr>
        <p:spPr>
          <a:xfrm>
            <a:off x="9274266" y="4484493"/>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TUTKIMUS JA KEHITYS</a:t>
            </a:r>
            <a:br>
              <a:rPr lang="fi-FI" sz="1200" kern="1000" spc="-30">
                <a:latin typeface="+mj-lt"/>
              </a:rPr>
            </a:br>
            <a:br>
              <a:rPr lang="fi-FI" sz="1200" kern="1000" spc="-30"/>
            </a:br>
            <a:r>
              <a:rPr lang="fi-FI" sz="1200" kern="1000" spc="-30"/>
              <a:t>Tekoäly analysoi dataa ja nopeuttaa uusien innovaatioiden ja ratkaisujen kehitystä eri aloilla.</a:t>
            </a:r>
            <a:endParaRPr lang="fi-FI" sz="1200"/>
          </a:p>
        </p:txBody>
      </p:sp>
    </p:spTree>
    <p:extLst>
      <p:ext uri="{BB962C8B-B14F-4D97-AF65-F5344CB8AC3E}">
        <p14:creationId xmlns:p14="http://schemas.microsoft.com/office/powerpoint/2010/main" val="130816823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7C3963B3-16F1-0FDF-1E7F-81C20ED1D9A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B39E634-301B-DAFC-E2BC-D27FF4C9E4C3}"/>
              </a:ext>
            </a:extLst>
          </p:cNvPr>
          <p:cNvSpPr>
            <a:spLocks noGrp="1"/>
          </p:cNvSpPr>
          <p:nvPr>
            <p:ph type="title"/>
          </p:nvPr>
        </p:nvSpPr>
        <p:spPr/>
        <p:txBody>
          <a:bodyPr/>
          <a:lstStyle/>
          <a:p>
            <a:r>
              <a:rPr lang="fi-FI"/>
              <a:t>Esimerkkejä tekoälyn käyttökohteista sosiaalihuollossa</a:t>
            </a:r>
          </a:p>
        </p:txBody>
      </p:sp>
      <p:sp>
        <p:nvSpPr>
          <p:cNvPr id="3" name="Text Placeholder 2">
            <a:extLst>
              <a:ext uri="{FF2B5EF4-FFF2-40B4-BE49-F238E27FC236}">
                <a16:creationId xmlns:a16="http://schemas.microsoft.com/office/drawing/2014/main" id="{B3FCA8FB-DE1F-EE54-3EDD-E4115279CF24}"/>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120830E7-8D49-9380-F753-7947DC4E1FF4}"/>
              </a:ext>
            </a:extLst>
          </p:cNvPr>
          <p:cNvSpPr>
            <a:spLocks noGrp="1"/>
          </p:cNvSpPr>
          <p:nvPr>
            <p:ph type="sldNum" sz="quarter" idx="16"/>
          </p:nvPr>
        </p:nvSpPr>
        <p:spPr/>
        <p:txBody>
          <a:bodyPr/>
          <a:lstStyle/>
          <a:p>
            <a:fld id="{B64FCF4A-2F3F-4397-9C44-D2344643394B}" type="slidenum">
              <a:rPr lang="fi-FI" smtClean="0"/>
              <a:pPr/>
              <a:t>18</a:t>
            </a:fld>
            <a:endParaRPr lang="fi-FI"/>
          </a:p>
        </p:txBody>
      </p:sp>
      <p:sp>
        <p:nvSpPr>
          <p:cNvPr id="13" name="Text Placeholder 12">
            <a:extLst>
              <a:ext uri="{FF2B5EF4-FFF2-40B4-BE49-F238E27FC236}">
                <a16:creationId xmlns:a16="http://schemas.microsoft.com/office/drawing/2014/main" id="{C0A432B8-0A22-7EC1-5B20-9021BE4C6DFD}"/>
              </a:ext>
            </a:extLst>
          </p:cNvPr>
          <p:cNvSpPr>
            <a:spLocks noGrp="1"/>
          </p:cNvSpPr>
          <p:nvPr>
            <p:ph sz="quarter" idx="17"/>
          </p:nvPr>
        </p:nvSpPr>
        <p:spPr>
          <a:xfrm>
            <a:off x="695323" y="1713989"/>
            <a:ext cx="7180582" cy="575534"/>
          </a:xfrm>
        </p:spPr>
        <p:txBody>
          <a:bodyPr/>
          <a:lstStyle/>
          <a:p>
            <a:r>
              <a:rPr lang="fi-FI"/>
              <a:t>Sosiaalihuollossa tekoäly tunnistaa riskitekijöitä ja parantaa palveluohjausta.</a:t>
            </a:r>
          </a:p>
          <a:p>
            <a:endParaRPr lang="fi-FI"/>
          </a:p>
        </p:txBody>
      </p:sp>
      <p:sp>
        <p:nvSpPr>
          <p:cNvPr id="6" name="Content Placeholder 5">
            <a:extLst>
              <a:ext uri="{FF2B5EF4-FFF2-40B4-BE49-F238E27FC236}">
                <a16:creationId xmlns:a16="http://schemas.microsoft.com/office/drawing/2014/main" id="{FACFBB69-9167-F69A-ECB0-8E95CDB506E1}"/>
              </a:ext>
            </a:extLst>
          </p:cNvPr>
          <p:cNvSpPr>
            <a:spLocks noGrp="1"/>
          </p:cNvSpPr>
          <p:nvPr>
            <p:ph sz="quarter" idx="10"/>
          </p:nvPr>
        </p:nvSpPr>
        <p:spPr>
          <a:xfrm>
            <a:off x="695323" y="2416888"/>
            <a:ext cx="5078942" cy="3991822"/>
          </a:xfrm>
        </p:spPr>
        <p:txBody>
          <a:bodyPr/>
          <a:lstStyle/>
          <a:p>
            <a:r>
              <a:rPr lang="fi-FI" sz="1600">
                <a:solidFill>
                  <a:schemeClr val="tx1"/>
                </a:solidFill>
              </a:rPr>
              <a:t>Ennaltaehkäisy ja riskien analysointi</a:t>
            </a:r>
          </a:p>
          <a:p>
            <a:pPr lvl="1"/>
            <a:r>
              <a:rPr lang="fi-FI" sz="1400">
                <a:solidFill>
                  <a:schemeClr val="tx1"/>
                </a:solidFill>
              </a:rPr>
              <a:t>Lastensuojelun riskitekijöiden tunnistaminen: Tekoäly  voi analysoida yksilö- ja väestötason tietoja ja tunnistaa riskitekijöitä.</a:t>
            </a:r>
          </a:p>
          <a:p>
            <a:pPr lvl="1"/>
            <a:r>
              <a:rPr lang="fi-FI" sz="1400">
                <a:solidFill>
                  <a:schemeClr val="tx1"/>
                </a:solidFill>
              </a:rPr>
              <a:t>Ennaltaehkäisevien palvelujen kohdentaminen: Tekoäly auttaa tunnistamaan ennaltaehkäisevistä palveluista hyötyvät asiakkaat.</a:t>
            </a:r>
          </a:p>
          <a:p>
            <a:r>
              <a:rPr lang="fi-FI" sz="1600">
                <a:solidFill>
                  <a:schemeClr val="tx1"/>
                </a:solidFill>
              </a:rPr>
              <a:t>Ammattilaisen tuki </a:t>
            </a:r>
          </a:p>
          <a:p>
            <a:pPr lvl="1"/>
            <a:r>
              <a:rPr lang="fi-FI" sz="1400">
                <a:solidFill>
                  <a:schemeClr val="tx1"/>
                </a:solidFill>
              </a:rPr>
              <a:t>Moniammatillisen yhteistyön tuki: Tekoäly voi tarjota moniammatilliselle tiimille ajankohtaista tietoa asiakkaiden tarpeista.</a:t>
            </a:r>
          </a:p>
          <a:p>
            <a:pPr lvl="1"/>
            <a:r>
              <a:rPr lang="fi-FI" sz="1400">
                <a:solidFill>
                  <a:schemeClr val="tx1"/>
                </a:solidFill>
              </a:rPr>
              <a:t>Palvelusuunnitelmien laatiminen: Tekoäly voi auttaa laatimaan yksilöllisiä palvelusuunnitelmia, jotka huomioivat asiakkaan tarpeet ja tilanteet.</a:t>
            </a:r>
          </a:p>
          <a:p>
            <a:pPr marL="7937" indent="0">
              <a:buNone/>
            </a:pPr>
            <a:endParaRPr lang="fi-FI" sz="1600">
              <a:solidFill>
                <a:schemeClr val="tx1"/>
              </a:solidFill>
            </a:endParaRPr>
          </a:p>
        </p:txBody>
      </p:sp>
      <p:sp>
        <p:nvSpPr>
          <p:cNvPr id="8" name="Content Placeholder 7">
            <a:extLst>
              <a:ext uri="{FF2B5EF4-FFF2-40B4-BE49-F238E27FC236}">
                <a16:creationId xmlns:a16="http://schemas.microsoft.com/office/drawing/2014/main" id="{D323F521-C70E-8070-E634-025002B488DA}"/>
              </a:ext>
            </a:extLst>
          </p:cNvPr>
          <p:cNvSpPr>
            <a:spLocks noGrp="1"/>
          </p:cNvSpPr>
          <p:nvPr>
            <p:ph sz="quarter" idx="18"/>
          </p:nvPr>
        </p:nvSpPr>
        <p:spPr>
          <a:xfrm>
            <a:off x="6417733" y="2416888"/>
            <a:ext cx="5078942" cy="3991822"/>
          </a:xfrm>
        </p:spPr>
        <p:txBody>
          <a:bodyPr/>
          <a:lstStyle/>
          <a:p>
            <a:r>
              <a:rPr lang="fi-FI" sz="1600">
                <a:solidFill>
                  <a:schemeClr val="tx1"/>
                </a:solidFill>
              </a:rPr>
              <a:t>Asiakaspalvelu ja asiointi</a:t>
            </a:r>
          </a:p>
          <a:p>
            <a:pPr lvl="1"/>
            <a:r>
              <a:rPr lang="fi-FI" sz="1400">
                <a:solidFill>
                  <a:schemeClr val="tx1"/>
                </a:solidFill>
              </a:rPr>
              <a:t>Neuvonta: Chatbotit tarjoavat asiakkaille vastauksia kysymyksiin ja ohjaavat heidät oikeiden palveluiden pariin.</a:t>
            </a:r>
          </a:p>
          <a:p>
            <a:pPr lvl="1"/>
            <a:r>
              <a:rPr lang="fi-FI" sz="1400">
                <a:solidFill>
                  <a:schemeClr val="tx1"/>
                </a:solidFill>
              </a:rPr>
              <a:t>Ajanvaraus: Tekoäly helpottaa sosiaalihuollon palveluiden ajanvarausprosessia.</a:t>
            </a:r>
          </a:p>
          <a:p>
            <a:pPr lvl="1"/>
            <a:r>
              <a:rPr lang="fi-FI" sz="1400">
                <a:solidFill>
                  <a:schemeClr val="tx1"/>
                </a:solidFill>
              </a:rPr>
              <a:t>Monikielisyyden tuki: Tekoäly tukee saavutettavuutta ja yhdenvertaisuutta reaaliaikaisilla käännöksillä, tulkkauksella ja monikielisten ohjeiden luomisella.</a:t>
            </a:r>
          </a:p>
          <a:p>
            <a:r>
              <a:rPr lang="fi-FI" sz="1600">
                <a:solidFill>
                  <a:schemeClr val="tx1"/>
                </a:solidFill>
              </a:rPr>
              <a:t>Hallinnolliset prosessit</a:t>
            </a:r>
          </a:p>
          <a:p>
            <a:pPr lvl="1"/>
            <a:r>
              <a:rPr lang="fi-FI" sz="1400">
                <a:solidFill>
                  <a:schemeClr val="tx1"/>
                </a:solidFill>
              </a:rPr>
              <a:t>Kirjausten automatisointi: Asiakastietojen kirjaaminen ja raportointi automatisoidaan, mikä vapauttaa työntekijöiden aikaa asiakastyöhön.</a:t>
            </a:r>
          </a:p>
          <a:p>
            <a:pPr lvl="1"/>
            <a:r>
              <a:rPr lang="fi-FI" sz="1400">
                <a:solidFill>
                  <a:schemeClr val="tx1"/>
                </a:solidFill>
              </a:rPr>
              <a:t>Resurssien hallinta: Tekoäly tukee resurssien, kuten henkilöstön ja talouden, optimointia.</a:t>
            </a:r>
          </a:p>
          <a:p>
            <a:endParaRPr lang="fi-FI" sz="1600">
              <a:solidFill>
                <a:schemeClr val="tx1"/>
              </a:solidFill>
            </a:endParaRPr>
          </a:p>
        </p:txBody>
      </p:sp>
      <p:sp>
        <p:nvSpPr>
          <p:cNvPr id="7" name="Round Same Side Corner Rectangle 11">
            <a:extLst>
              <a:ext uri="{FF2B5EF4-FFF2-40B4-BE49-F238E27FC236}">
                <a16:creationId xmlns:a16="http://schemas.microsoft.com/office/drawing/2014/main" id="{6EC8459D-57FB-3D46-F1A7-04AC59FC778E}"/>
              </a:ext>
            </a:extLst>
          </p:cNvPr>
          <p:cNvSpPr/>
          <p:nvPr/>
        </p:nvSpPr>
        <p:spPr>
          <a:xfrm>
            <a:off x="7896226" y="0"/>
            <a:ext cx="3600449" cy="324100"/>
          </a:xfrm>
          <a:prstGeom prst="round2SameRect">
            <a:avLst>
              <a:gd name="adj1" fmla="val 0"/>
              <a:gd name="adj2" fmla="val 50000"/>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bg1"/>
                </a:solidFill>
              </a:rPr>
              <a:t>Sosiaalihuolto</a:t>
            </a:r>
          </a:p>
        </p:txBody>
      </p:sp>
    </p:spTree>
    <p:extLst>
      <p:ext uri="{BB962C8B-B14F-4D97-AF65-F5344CB8AC3E}">
        <p14:creationId xmlns:p14="http://schemas.microsoft.com/office/powerpoint/2010/main" val="105004273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17B8D988-CFA0-91BF-750C-923FE825C75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EC201FA-64DC-8CE1-E0BF-B0666F357A50}"/>
              </a:ext>
            </a:extLst>
          </p:cNvPr>
          <p:cNvSpPr>
            <a:spLocks noGrp="1"/>
          </p:cNvSpPr>
          <p:nvPr>
            <p:ph type="title"/>
          </p:nvPr>
        </p:nvSpPr>
        <p:spPr/>
        <p:txBody>
          <a:bodyPr/>
          <a:lstStyle/>
          <a:p>
            <a:r>
              <a:rPr lang="fi-FI"/>
              <a:t>Esimerkkejä tekoälyn käyttökohteista terveydenhuollossa</a:t>
            </a:r>
          </a:p>
        </p:txBody>
      </p:sp>
      <p:sp>
        <p:nvSpPr>
          <p:cNvPr id="3" name="Text Placeholder 2">
            <a:extLst>
              <a:ext uri="{FF2B5EF4-FFF2-40B4-BE49-F238E27FC236}">
                <a16:creationId xmlns:a16="http://schemas.microsoft.com/office/drawing/2014/main" id="{9673CC29-A242-58CB-A66C-93C8268B3D21}"/>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208A1DB2-2395-57E2-8DF5-1D01737CC06A}"/>
              </a:ext>
            </a:extLst>
          </p:cNvPr>
          <p:cNvSpPr>
            <a:spLocks noGrp="1"/>
          </p:cNvSpPr>
          <p:nvPr>
            <p:ph type="sldNum" sz="quarter" idx="16"/>
          </p:nvPr>
        </p:nvSpPr>
        <p:spPr/>
        <p:txBody>
          <a:bodyPr/>
          <a:lstStyle/>
          <a:p>
            <a:fld id="{B64FCF4A-2F3F-4397-9C44-D2344643394B}" type="slidenum">
              <a:rPr lang="fi-FI" smtClean="0"/>
              <a:pPr/>
              <a:t>19</a:t>
            </a:fld>
            <a:endParaRPr lang="fi-FI"/>
          </a:p>
        </p:txBody>
      </p:sp>
      <p:sp>
        <p:nvSpPr>
          <p:cNvPr id="8" name="Text Placeholder 7">
            <a:extLst>
              <a:ext uri="{FF2B5EF4-FFF2-40B4-BE49-F238E27FC236}">
                <a16:creationId xmlns:a16="http://schemas.microsoft.com/office/drawing/2014/main" id="{BF028887-3D4C-4A84-AF4D-BAF87AFF31E4}"/>
              </a:ext>
            </a:extLst>
          </p:cNvPr>
          <p:cNvSpPr>
            <a:spLocks noGrp="1"/>
          </p:cNvSpPr>
          <p:nvPr>
            <p:ph sz="quarter" idx="17"/>
          </p:nvPr>
        </p:nvSpPr>
        <p:spPr>
          <a:xfrm>
            <a:off x="695325" y="1748472"/>
            <a:ext cx="7180582" cy="575534"/>
          </a:xfrm>
        </p:spPr>
        <p:txBody>
          <a:bodyPr/>
          <a:lstStyle/>
          <a:p>
            <a:r>
              <a:rPr lang="fi-FI"/>
              <a:t>Tekoälyä hyödynnetään terveydenhuollossa parantamaan hoidon laatua, tukemaan päätöksentekoa ja tehostamaan resursseja.</a:t>
            </a:r>
          </a:p>
        </p:txBody>
      </p:sp>
      <p:sp>
        <p:nvSpPr>
          <p:cNvPr id="6" name="Content Placeholder 5">
            <a:extLst>
              <a:ext uri="{FF2B5EF4-FFF2-40B4-BE49-F238E27FC236}">
                <a16:creationId xmlns:a16="http://schemas.microsoft.com/office/drawing/2014/main" id="{05C9CCCD-409D-FEBD-0463-72B04ACAFFCD}"/>
              </a:ext>
            </a:extLst>
          </p:cNvPr>
          <p:cNvSpPr>
            <a:spLocks noGrp="1"/>
          </p:cNvSpPr>
          <p:nvPr>
            <p:ph sz="quarter" idx="10"/>
          </p:nvPr>
        </p:nvSpPr>
        <p:spPr>
          <a:xfrm>
            <a:off x="695325" y="2499193"/>
            <a:ext cx="5078942" cy="3991822"/>
          </a:xfrm>
        </p:spPr>
        <p:txBody>
          <a:bodyPr/>
          <a:lstStyle/>
          <a:p>
            <a:r>
              <a:rPr lang="fi-FI" sz="1600">
                <a:solidFill>
                  <a:schemeClr val="tx1"/>
                </a:solidFill>
              </a:rPr>
              <a:t>Ennaltaehkäisy ja riskien analysointi</a:t>
            </a:r>
          </a:p>
          <a:p>
            <a:pPr lvl="1"/>
            <a:r>
              <a:rPr lang="fi-FI" sz="1400">
                <a:solidFill>
                  <a:schemeClr val="tx1"/>
                </a:solidFill>
              </a:rPr>
              <a:t>Yksilö- ja väestötason ennusteet: Tekoäly tunnistaa terveysriskejä, joiden pohjalta voidaan kohdentaa ennaltaehkäiseviä toimia ja tukea oikea-aikaisten toimenpiteiden suunnittelua.</a:t>
            </a:r>
          </a:p>
          <a:p>
            <a:r>
              <a:rPr lang="fi-FI" sz="1600">
                <a:solidFill>
                  <a:schemeClr val="tx1"/>
                </a:solidFill>
              </a:rPr>
              <a:t>Hoidon tuki ja diagnostiikka</a:t>
            </a:r>
          </a:p>
          <a:p>
            <a:pPr lvl="1"/>
            <a:r>
              <a:rPr lang="fi-FI" sz="1400">
                <a:solidFill>
                  <a:schemeClr val="tx1"/>
                </a:solidFill>
              </a:rPr>
              <a:t>Potilaskirjausten automatisointi: Tekoäly voi muuntaa sanallisen kuvauksen tekstiksi ja tukea rakenteellista kirjaamista järjestelemällä tiedot automaattisesti.</a:t>
            </a:r>
          </a:p>
          <a:p>
            <a:pPr lvl="1"/>
            <a:r>
              <a:rPr lang="fi-FI" sz="1400">
                <a:solidFill>
                  <a:schemeClr val="tx1"/>
                </a:solidFill>
              </a:rPr>
              <a:t>Tukiäly hoitotyössä: Tekoäly tarjoaa tietoa potilaan oireista ja historiasta, esimerkiksi tiivistämällä potilastietoja ammattilaisen käyttöön. Tekoäly voi myös tuottaa tietoihin perustuvia hoitosuosituksia ammattilaisen päätöksenteon tueksi. </a:t>
            </a:r>
          </a:p>
          <a:p>
            <a:pPr lvl="1"/>
            <a:r>
              <a:rPr lang="fi-FI" sz="1400">
                <a:solidFill>
                  <a:schemeClr val="tx1"/>
                </a:solidFill>
              </a:rPr>
              <a:t>Diagnostiikan tuki: Tekoäly analysoi potilastietoja ja tukee ammattilaisia diagnoosien tekemisessä.</a:t>
            </a:r>
          </a:p>
          <a:p>
            <a:pPr marL="185738" lvl="1" indent="0">
              <a:buNone/>
            </a:pPr>
            <a:endParaRPr lang="fi-FI" sz="1400">
              <a:solidFill>
                <a:schemeClr val="tx1"/>
              </a:solidFill>
            </a:endParaRPr>
          </a:p>
        </p:txBody>
      </p:sp>
      <p:sp>
        <p:nvSpPr>
          <p:cNvPr id="9" name="Content Placeholder 8">
            <a:extLst>
              <a:ext uri="{FF2B5EF4-FFF2-40B4-BE49-F238E27FC236}">
                <a16:creationId xmlns:a16="http://schemas.microsoft.com/office/drawing/2014/main" id="{7DA102C6-C864-A844-D88D-E5DE1D428611}"/>
              </a:ext>
            </a:extLst>
          </p:cNvPr>
          <p:cNvSpPr>
            <a:spLocks noGrp="1"/>
          </p:cNvSpPr>
          <p:nvPr>
            <p:ph sz="quarter" idx="18"/>
          </p:nvPr>
        </p:nvSpPr>
        <p:spPr>
          <a:xfrm>
            <a:off x="6417735" y="2499193"/>
            <a:ext cx="5078942" cy="3991822"/>
          </a:xfrm>
        </p:spPr>
        <p:txBody>
          <a:bodyPr/>
          <a:lstStyle/>
          <a:p>
            <a:r>
              <a:rPr lang="fi-FI" sz="1600">
                <a:solidFill>
                  <a:schemeClr val="tx1"/>
                </a:solidFill>
              </a:rPr>
              <a:t>Asiakaspalvelu ja asiointi</a:t>
            </a:r>
          </a:p>
          <a:p>
            <a:pPr lvl="1"/>
            <a:r>
              <a:rPr lang="fi-FI" sz="1400">
                <a:solidFill>
                  <a:schemeClr val="tx1"/>
                </a:solidFill>
              </a:rPr>
              <a:t>Neuvonta ja palveluohjaus: Chatbotit voivat vastata potilaiden ja asiakkaiden kysymyksiin, auttaa ajanvarauksessa ja tarjota yleisluontoista terveysneuvontaa. Tekoäly voi myös automatisoida asiakkaiden ohjausta oikeisiin palveluihin taustajärjestelmissä. </a:t>
            </a:r>
          </a:p>
          <a:p>
            <a:pPr lvl="1"/>
            <a:r>
              <a:rPr lang="fi-FI" sz="1400">
                <a:solidFill>
                  <a:schemeClr val="tx1"/>
                </a:solidFill>
              </a:rPr>
              <a:t>Monikielisyyden tuki: Tekoäly tukee saavutettavuutta ja yhdenvertaisuutta reaaliaikaisilla käännöksillä, tulkkauksella ja monikielisten ohjeiden luomisella.</a:t>
            </a:r>
          </a:p>
          <a:p>
            <a:r>
              <a:rPr lang="fi-FI" sz="1600">
                <a:solidFill>
                  <a:schemeClr val="tx1"/>
                </a:solidFill>
              </a:rPr>
              <a:t>Potilasvalvonta ja etäseuranta</a:t>
            </a:r>
          </a:p>
          <a:p>
            <a:pPr lvl="1"/>
            <a:r>
              <a:rPr lang="fi-FI" sz="1400">
                <a:solidFill>
                  <a:schemeClr val="tx1"/>
                </a:solidFill>
              </a:rPr>
              <a:t>Elintoimintojen valvonta: Tekoäly voi seurata potilaiden elintoimintoja ja tunnistaa poikkeamia esimerkiksi sairaalahoidon aikana.</a:t>
            </a:r>
          </a:p>
          <a:p>
            <a:pPr lvl="1"/>
            <a:r>
              <a:rPr lang="fi-FI" sz="1400">
                <a:solidFill>
                  <a:schemeClr val="tx1"/>
                </a:solidFill>
              </a:rPr>
              <a:t>Etäseuranta: Tekoäly voi tukea kotiuttamista ja kotihoidon järjestämistä etäseurannan avulla.</a:t>
            </a:r>
          </a:p>
          <a:p>
            <a:pPr marL="185738" lvl="1" indent="0">
              <a:buNone/>
            </a:pPr>
            <a:endParaRPr lang="fi-FI" sz="1400">
              <a:solidFill>
                <a:schemeClr val="tx1"/>
              </a:solidFill>
            </a:endParaRPr>
          </a:p>
          <a:p>
            <a:endParaRPr lang="fi-FI" sz="1600">
              <a:solidFill>
                <a:schemeClr val="tx1"/>
              </a:solidFill>
            </a:endParaRPr>
          </a:p>
        </p:txBody>
      </p:sp>
      <p:sp>
        <p:nvSpPr>
          <p:cNvPr id="4" name="Round Same Side Corner Rectangle 11">
            <a:extLst>
              <a:ext uri="{FF2B5EF4-FFF2-40B4-BE49-F238E27FC236}">
                <a16:creationId xmlns:a16="http://schemas.microsoft.com/office/drawing/2014/main" id="{AE0EC0AE-8B5B-7485-448F-3CBF324CE1DE}"/>
              </a:ext>
            </a:extLst>
          </p:cNvPr>
          <p:cNvSpPr/>
          <p:nvPr/>
        </p:nvSpPr>
        <p:spPr>
          <a:xfrm>
            <a:off x="7896226" y="0"/>
            <a:ext cx="3600449" cy="324100"/>
          </a:xfrm>
          <a:prstGeom prst="round2SameRect">
            <a:avLst>
              <a:gd name="adj1" fmla="val 0"/>
              <a:gd name="adj2" fmla="val 50000"/>
            </a:avLst>
          </a:prstGeom>
          <a:solidFill>
            <a:schemeClr val="accent6">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Terveydenhuolto</a:t>
            </a:r>
          </a:p>
        </p:txBody>
      </p:sp>
    </p:spTree>
    <p:extLst>
      <p:ext uri="{BB962C8B-B14F-4D97-AF65-F5344CB8AC3E}">
        <p14:creationId xmlns:p14="http://schemas.microsoft.com/office/powerpoint/2010/main" val="293684539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fi-FI"/>
              <a:t>Sisällysluettelo</a:t>
            </a:r>
          </a:p>
        </p:txBody>
      </p:sp>
      <p:sp>
        <p:nvSpPr>
          <p:cNvPr id="3" name="Content Placeholder 2"/>
          <p:cNvSpPr>
            <a:spLocks noGrp="1"/>
          </p:cNvSpPr>
          <p:nvPr>
            <p:ph sz="quarter" idx="10"/>
          </p:nvPr>
        </p:nvSpPr>
        <p:spPr>
          <a:xfrm>
            <a:off x="695326" y="2290499"/>
            <a:ext cx="6213474" cy="2448926"/>
          </a:xfrm>
        </p:spPr>
        <p:txBody>
          <a:bodyPr/>
          <a:lstStyle/>
          <a:p>
            <a:pPr marL="350837" indent="-342900">
              <a:buFont typeface="+mj-lt"/>
              <a:buAutoNum type="arabicPeriod"/>
            </a:pPr>
            <a:r>
              <a:rPr lang="fi-FI"/>
              <a:t>Johdanto 				s. 5-6</a:t>
            </a:r>
          </a:p>
          <a:p>
            <a:pPr marL="350837" indent="-342900">
              <a:buFont typeface="+mj-lt"/>
              <a:buAutoNum type="arabicPeriod"/>
            </a:pPr>
            <a:r>
              <a:rPr lang="fi-FI"/>
              <a:t>Tekoälyn perusteet 			s. 7-12</a:t>
            </a:r>
          </a:p>
          <a:p>
            <a:pPr marL="350837" indent="-342900">
              <a:buFont typeface="+mj-lt"/>
              <a:buAutoNum type="arabicPeriod"/>
            </a:pPr>
            <a:r>
              <a:rPr lang="fi-FI"/>
              <a:t>Tekoälyn käyttökohteita 		s. 13-22</a:t>
            </a:r>
          </a:p>
          <a:p>
            <a:pPr marL="350837" indent="-342900">
              <a:buFont typeface="+mj-lt"/>
              <a:buAutoNum type="arabicPeriod"/>
            </a:pPr>
            <a:r>
              <a:rPr lang="fi-FI"/>
              <a:t>Eettisiä näkökulmia 			s. 23-32</a:t>
            </a:r>
          </a:p>
          <a:p>
            <a:pPr marL="350837" indent="-342900">
              <a:buFont typeface="+mj-lt"/>
              <a:buAutoNum type="arabicPeriod"/>
            </a:pPr>
            <a:r>
              <a:rPr lang="fi-FI"/>
              <a:t>Tekoälyn sääntely 			s. 33-39</a:t>
            </a:r>
          </a:p>
          <a:p>
            <a:pPr marL="350837" indent="-342900">
              <a:buFont typeface="+mj-lt"/>
              <a:buAutoNum type="arabicPeriod"/>
            </a:pPr>
            <a:r>
              <a:rPr lang="fi-FI"/>
              <a:t>Tarkistuskysymykset ja mallivastaukset 	s. 40-57</a:t>
            </a:r>
          </a:p>
          <a:p>
            <a:pPr marL="7937" indent="0">
              <a:buNone/>
            </a:pPr>
            <a:endParaRPr lang="fi-FI"/>
          </a:p>
        </p:txBody>
      </p:sp>
      <p:sp>
        <p:nvSpPr>
          <p:cNvPr id="5" name="Slide Number Placeholder 4">
            <a:extLst>
              <a:ext uri="{FF2B5EF4-FFF2-40B4-BE49-F238E27FC236}">
                <a16:creationId xmlns:a16="http://schemas.microsoft.com/office/drawing/2014/main" id="{A64AF33C-020B-E3FA-4016-B1FCCEBA7DED}"/>
              </a:ext>
            </a:extLst>
          </p:cNvPr>
          <p:cNvSpPr>
            <a:spLocks noGrp="1"/>
          </p:cNvSpPr>
          <p:nvPr>
            <p:ph type="sldNum" sz="quarter" idx="16"/>
          </p:nvPr>
        </p:nvSpPr>
        <p:spPr/>
        <p:txBody>
          <a:bodyPr/>
          <a:lstStyle/>
          <a:p>
            <a:fld id="{B64FCF4A-2F3F-4397-9C44-D2344643394B}" type="slidenum">
              <a:rPr lang="fi-FI" smtClean="0"/>
              <a:pPr/>
              <a:t>2</a:t>
            </a:fld>
            <a:endParaRPr lang="fi-FI"/>
          </a:p>
        </p:txBody>
      </p:sp>
      <p:sp>
        <p:nvSpPr>
          <p:cNvPr id="4" name="TextBox 3">
            <a:extLst>
              <a:ext uri="{FF2B5EF4-FFF2-40B4-BE49-F238E27FC236}">
                <a16:creationId xmlns:a16="http://schemas.microsoft.com/office/drawing/2014/main" id="{BA55C1F1-3DE4-6C0A-2FA2-A753F36C0CF5}"/>
              </a:ext>
            </a:extLst>
          </p:cNvPr>
          <p:cNvSpPr txBox="1"/>
          <p:nvPr/>
        </p:nvSpPr>
        <p:spPr>
          <a:xfrm>
            <a:off x="695327" y="5228822"/>
            <a:ext cx="5400673" cy="738664"/>
          </a:xfrm>
          <a:prstGeom prst="rect">
            <a:avLst/>
          </a:prstGeom>
          <a:noFill/>
        </p:spPr>
        <p:txBody>
          <a:bodyPr wrap="square" lIns="0" tIns="0" rIns="0" bIns="0" rtlCol="0">
            <a:spAutoFit/>
          </a:bodyPr>
          <a:lstStyle/>
          <a:p>
            <a:pPr algn="l">
              <a:spcAft>
                <a:spcPts val="600"/>
              </a:spcAft>
              <a:buClr>
                <a:schemeClr val="accent1"/>
              </a:buClr>
              <a:buSzPct val="95000"/>
            </a:pPr>
            <a:r>
              <a:rPr lang="fi-FI" sz="1600" kern="800" spc="-30" noProof="0"/>
              <a:t>Tämä tekoälyn lukutaito-opas on toteutettu yhteistyössä </a:t>
            </a:r>
            <a:r>
              <a:rPr lang="fi-FI" sz="1600" kern="800" spc="-30" noProof="0" err="1"/>
              <a:t>Goforen</a:t>
            </a:r>
            <a:r>
              <a:rPr lang="fi-FI" sz="1600" kern="800" spc="-30" noProof="0"/>
              <a:t>, </a:t>
            </a:r>
            <a:r>
              <a:rPr lang="fi-FI" sz="1600" kern="800" spc="-30" noProof="0" err="1"/>
              <a:t>Hyvilin</a:t>
            </a:r>
            <a:r>
              <a:rPr lang="fi-FI" sz="1600" kern="800" spc="-30" noProof="0"/>
              <a:t>, </a:t>
            </a:r>
            <a:r>
              <a:rPr lang="fi-FI" sz="1600" kern="800" spc="-30" noProof="0" err="1"/>
              <a:t>HUSin</a:t>
            </a:r>
            <a:r>
              <a:rPr lang="fi-FI" sz="1600" kern="800" spc="-30" noProof="0"/>
              <a:t>, Länsi-Uudenmaan hyvinvointialueen ja Päijät-Hämeen hyvinvointialueen kanssa.</a:t>
            </a:r>
          </a:p>
        </p:txBody>
      </p:sp>
    </p:spTree>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096BC3B3-CEAF-5E88-6976-C856BF411B6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BA4C0EE-8035-40E7-FE1E-CE78D6FB22C5}"/>
              </a:ext>
            </a:extLst>
          </p:cNvPr>
          <p:cNvSpPr>
            <a:spLocks noGrp="1"/>
          </p:cNvSpPr>
          <p:nvPr>
            <p:ph type="title"/>
          </p:nvPr>
        </p:nvSpPr>
        <p:spPr/>
        <p:txBody>
          <a:bodyPr/>
          <a:lstStyle/>
          <a:p>
            <a:r>
              <a:rPr lang="fi-FI"/>
              <a:t>Esimerkkejä tekoälyn käyttökohteista pelastustoimessa</a:t>
            </a:r>
          </a:p>
        </p:txBody>
      </p:sp>
      <p:sp>
        <p:nvSpPr>
          <p:cNvPr id="3" name="Text Placeholder 2">
            <a:extLst>
              <a:ext uri="{FF2B5EF4-FFF2-40B4-BE49-F238E27FC236}">
                <a16:creationId xmlns:a16="http://schemas.microsoft.com/office/drawing/2014/main" id="{2E888DDB-C102-7A2A-1159-F2400DBF3585}"/>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67442F5C-A0F8-29BA-1E60-241A42E45F2F}"/>
              </a:ext>
            </a:extLst>
          </p:cNvPr>
          <p:cNvSpPr>
            <a:spLocks noGrp="1"/>
          </p:cNvSpPr>
          <p:nvPr>
            <p:ph type="sldNum" sz="quarter" idx="16"/>
          </p:nvPr>
        </p:nvSpPr>
        <p:spPr/>
        <p:txBody>
          <a:bodyPr/>
          <a:lstStyle/>
          <a:p>
            <a:fld id="{B64FCF4A-2F3F-4397-9C44-D2344643394B}" type="slidenum">
              <a:rPr lang="fi-FI" smtClean="0"/>
              <a:pPr/>
              <a:t>20</a:t>
            </a:fld>
            <a:endParaRPr lang="fi-FI"/>
          </a:p>
        </p:txBody>
      </p:sp>
      <p:sp>
        <p:nvSpPr>
          <p:cNvPr id="8" name="Content Placeholder 7">
            <a:extLst>
              <a:ext uri="{FF2B5EF4-FFF2-40B4-BE49-F238E27FC236}">
                <a16:creationId xmlns:a16="http://schemas.microsoft.com/office/drawing/2014/main" id="{4441AEDF-65BE-7F55-CD29-5C170ED55B72}"/>
              </a:ext>
            </a:extLst>
          </p:cNvPr>
          <p:cNvSpPr>
            <a:spLocks noGrp="1"/>
          </p:cNvSpPr>
          <p:nvPr>
            <p:ph sz="quarter" idx="17"/>
          </p:nvPr>
        </p:nvSpPr>
        <p:spPr>
          <a:xfrm>
            <a:off x="695325" y="1753449"/>
            <a:ext cx="7180582" cy="575534"/>
          </a:xfrm>
        </p:spPr>
        <p:txBody>
          <a:bodyPr/>
          <a:lstStyle/>
          <a:p>
            <a:r>
              <a:rPr lang="fi-FI"/>
              <a:t>Tekoälyn avulla voidaan ennakoida riskejä, optimoida resurssien käyttöä, parantaa toimintavalmiutta ja nopeuttaa päätöksentekoa hätätilanteissa.</a:t>
            </a:r>
          </a:p>
          <a:p>
            <a:endParaRPr lang="fi-FI"/>
          </a:p>
        </p:txBody>
      </p:sp>
      <p:sp>
        <p:nvSpPr>
          <p:cNvPr id="7" name="Content Placeholder 6">
            <a:extLst>
              <a:ext uri="{FF2B5EF4-FFF2-40B4-BE49-F238E27FC236}">
                <a16:creationId xmlns:a16="http://schemas.microsoft.com/office/drawing/2014/main" id="{CC7C1192-DCE9-D386-E49E-CC4D1D916912}"/>
              </a:ext>
            </a:extLst>
          </p:cNvPr>
          <p:cNvSpPr>
            <a:spLocks noGrp="1"/>
          </p:cNvSpPr>
          <p:nvPr>
            <p:ph sz="quarter" idx="10"/>
          </p:nvPr>
        </p:nvSpPr>
        <p:spPr>
          <a:xfrm>
            <a:off x="695325" y="2542161"/>
            <a:ext cx="5078942" cy="3831379"/>
          </a:xfrm>
        </p:spPr>
        <p:txBody>
          <a:bodyPr/>
          <a:lstStyle/>
          <a:p>
            <a:r>
              <a:rPr lang="fi-FI" sz="1600">
                <a:solidFill>
                  <a:schemeClr val="tx1"/>
                </a:solidFill>
              </a:rPr>
              <a:t>Ennaltaehkäisy ja riskien analysointi</a:t>
            </a:r>
          </a:p>
          <a:p>
            <a:pPr lvl="1"/>
            <a:r>
              <a:rPr lang="fi-FI" sz="1400">
                <a:solidFill>
                  <a:schemeClr val="tx1"/>
                </a:solidFill>
              </a:rPr>
              <a:t>Riskien ennustaminen: Tekoäly analysoi historiallista dataa ja havaitsee alueellisia riskitekijöitä, kuten tulipalojen tai luonnonkatastrofien todennäköisyyttä.</a:t>
            </a:r>
          </a:p>
          <a:p>
            <a:pPr lvl="1"/>
            <a:r>
              <a:rPr lang="fi-FI" sz="1400">
                <a:solidFill>
                  <a:schemeClr val="tx1"/>
                </a:solidFill>
              </a:rPr>
              <a:t>Turvallisuusohjeiden kohdentaminen: Tekoäly tunnistaa riskiryhmiä ja auttaa jakamaan heille tarkempaa turvallisuus- ja ennaltaehkäisyohjeistusta.	</a:t>
            </a:r>
          </a:p>
          <a:p>
            <a:r>
              <a:rPr lang="fi-FI" sz="1600">
                <a:solidFill>
                  <a:schemeClr val="tx1"/>
                </a:solidFill>
              </a:rPr>
              <a:t>Operatiivinen tehokkuus</a:t>
            </a:r>
          </a:p>
          <a:p>
            <a:pPr lvl="1"/>
            <a:r>
              <a:rPr lang="fi-FI" sz="1400">
                <a:solidFill>
                  <a:schemeClr val="tx1"/>
                </a:solidFill>
              </a:rPr>
              <a:t>Priorisointi: Tekoäly auttaa tunnistamaan kriittisimmät tehtävät reaaliajassa</a:t>
            </a:r>
          </a:p>
          <a:p>
            <a:pPr lvl="1"/>
            <a:r>
              <a:rPr lang="fi-FI" sz="1400">
                <a:solidFill>
                  <a:schemeClr val="tx1"/>
                </a:solidFill>
              </a:rPr>
              <a:t>Reittisuunnittelu: Tekoäly vähentää viiveitä ja parantaa toimintavalmiutta optimoimalla pelastusyksiköiden reitit</a:t>
            </a:r>
          </a:p>
          <a:p>
            <a:pPr lvl="1"/>
            <a:r>
              <a:rPr lang="fi-FI" sz="1400">
                <a:solidFill>
                  <a:schemeClr val="tx1"/>
                </a:solidFill>
              </a:rPr>
              <a:t>Datan analysointi ja visualisointi: Tekoäly analysoi reaaliaikaista dataa hätätilanteen aikana, kuten karttoja, sääolosuhteita ja sensoreiden tuottamaa tietoa ja luo selkeitä tilannekuvia pelastusoperaatioiden koordinoinnin tueksi.</a:t>
            </a:r>
          </a:p>
          <a:p>
            <a:pPr marL="185738" lvl="1" indent="0">
              <a:buNone/>
            </a:pPr>
            <a:endParaRPr lang="fi-FI" sz="1400">
              <a:solidFill>
                <a:schemeClr val="tx1"/>
              </a:solidFill>
            </a:endParaRPr>
          </a:p>
        </p:txBody>
      </p:sp>
      <p:sp>
        <p:nvSpPr>
          <p:cNvPr id="9" name="Content Placeholder 8">
            <a:extLst>
              <a:ext uri="{FF2B5EF4-FFF2-40B4-BE49-F238E27FC236}">
                <a16:creationId xmlns:a16="http://schemas.microsoft.com/office/drawing/2014/main" id="{E82F9991-B1D5-2CBD-121D-8127B1CA9F94}"/>
              </a:ext>
            </a:extLst>
          </p:cNvPr>
          <p:cNvSpPr>
            <a:spLocks noGrp="1"/>
          </p:cNvSpPr>
          <p:nvPr>
            <p:ph sz="quarter" idx="18"/>
          </p:nvPr>
        </p:nvSpPr>
        <p:spPr>
          <a:xfrm>
            <a:off x="6238672" y="2542161"/>
            <a:ext cx="5458333" cy="3831379"/>
          </a:xfrm>
        </p:spPr>
        <p:txBody>
          <a:bodyPr/>
          <a:lstStyle/>
          <a:p>
            <a:r>
              <a:rPr lang="fi-FI" sz="1600">
                <a:solidFill>
                  <a:schemeClr val="tx1"/>
                </a:solidFill>
              </a:rPr>
              <a:t>Harjoittelu ja oppiminen</a:t>
            </a:r>
          </a:p>
          <a:p>
            <a:pPr lvl="1"/>
            <a:r>
              <a:rPr lang="fi-FI" sz="1400">
                <a:solidFill>
                  <a:schemeClr val="tx1"/>
                </a:solidFill>
              </a:rPr>
              <a:t>Simulaatiot ja koulutus: Tekoälypohjaiset simulaatiot ja yksilöllisesti mukautuvat harjoitukset mahdollistavat hätätilanteiden realistisen harjoittelun. </a:t>
            </a:r>
          </a:p>
          <a:p>
            <a:pPr lvl="1"/>
            <a:r>
              <a:rPr lang="fi-FI" sz="1400">
                <a:solidFill>
                  <a:schemeClr val="tx1"/>
                </a:solidFill>
              </a:rPr>
              <a:t>Tietojen analysointi ja raportointi: Tekoäly tukee jatkuvaa kehittämistä analysoimalla tietoa aiemmista hätätilanteista ja pelastustoimista ja tuottamalla raportteja toiminnan vaikuttavuudesta ja parannuskohteista.</a:t>
            </a:r>
          </a:p>
          <a:p>
            <a:r>
              <a:rPr lang="fi-FI" sz="1600">
                <a:solidFill>
                  <a:schemeClr val="tx1"/>
                </a:solidFill>
              </a:rPr>
              <a:t>Resurssien hallinta ja kohdentaminen</a:t>
            </a:r>
          </a:p>
          <a:p>
            <a:pPr lvl="1"/>
            <a:r>
              <a:rPr lang="fi-FI" sz="1400">
                <a:solidFill>
                  <a:schemeClr val="tx1"/>
                </a:solidFill>
              </a:rPr>
              <a:t>Resurssien hallinta ja optimointi hätätilanteissa: Tekoälyavusteinen resurssien seuranta ja optimointi ohjaa pelastusyksiköiden sijoittamista ja siirtämistä hätätilanteissa</a:t>
            </a:r>
          </a:p>
          <a:p>
            <a:pPr lvl="1"/>
            <a:r>
              <a:rPr lang="fi-FI" sz="1400">
                <a:solidFill>
                  <a:schemeClr val="tx1"/>
                </a:solidFill>
              </a:rPr>
              <a:t>Väestön varoittaminen: Tekoäly analysoi hätätilanneviestintää ja auttaa lähettämään kohdennettuja varoituksia kansalaisille.</a:t>
            </a:r>
          </a:p>
          <a:p>
            <a:pPr marL="185738" lvl="1" indent="0">
              <a:buNone/>
            </a:pPr>
            <a:endParaRPr lang="fi-FI" sz="1400">
              <a:solidFill>
                <a:schemeClr val="tx1"/>
              </a:solidFill>
            </a:endParaRPr>
          </a:p>
          <a:p>
            <a:endParaRPr lang="fi-FI" sz="1600">
              <a:solidFill>
                <a:schemeClr val="tx1"/>
              </a:solidFill>
            </a:endParaRPr>
          </a:p>
        </p:txBody>
      </p:sp>
      <p:sp>
        <p:nvSpPr>
          <p:cNvPr id="4" name="Round Same Side Corner Rectangle 11">
            <a:extLst>
              <a:ext uri="{FF2B5EF4-FFF2-40B4-BE49-F238E27FC236}">
                <a16:creationId xmlns:a16="http://schemas.microsoft.com/office/drawing/2014/main" id="{AB423A69-EECC-7A0D-2768-FCC4C3802938}"/>
              </a:ext>
            </a:extLst>
          </p:cNvPr>
          <p:cNvSpPr/>
          <p:nvPr/>
        </p:nvSpPr>
        <p:spPr>
          <a:xfrm>
            <a:off x="7896226" y="0"/>
            <a:ext cx="3600449" cy="324100"/>
          </a:xfrm>
          <a:prstGeom prst="round2SameRect">
            <a:avLst>
              <a:gd name="adj1" fmla="val 0"/>
              <a:gd name="adj2" fmla="val 50000"/>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Pelastustoimi</a:t>
            </a:r>
          </a:p>
        </p:txBody>
      </p:sp>
    </p:spTree>
    <p:extLst>
      <p:ext uri="{BB962C8B-B14F-4D97-AF65-F5344CB8AC3E}">
        <p14:creationId xmlns:p14="http://schemas.microsoft.com/office/powerpoint/2010/main" val="211328546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C5AF1592-C6EE-089C-C830-42555AE69CC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A853B79-CD82-C966-3067-2844A5C01BD6}"/>
              </a:ext>
            </a:extLst>
          </p:cNvPr>
          <p:cNvSpPr>
            <a:spLocks noGrp="1"/>
          </p:cNvSpPr>
          <p:nvPr>
            <p:ph type="title"/>
          </p:nvPr>
        </p:nvSpPr>
        <p:spPr/>
        <p:txBody>
          <a:bodyPr/>
          <a:lstStyle/>
          <a:p>
            <a:r>
              <a:rPr lang="fi-FI"/>
              <a:t>Esimerkkejä tekoälyn käyttökohteista SOTEPE-hallinnossa</a:t>
            </a:r>
          </a:p>
        </p:txBody>
      </p:sp>
      <p:sp>
        <p:nvSpPr>
          <p:cNvPr id="3" name="Text Placeholder 2">
            <a:extLst>
              <a:ext uri="{FF2B5EF4-FFF2-40B4-BE49-F238E27FC236}">
                <a16:creationId xmlns:a16="http://schemas.microsoft.com/office/drawing/2014/main" id="{001AD791-3B47-E25C-2AB5-E0A43D95918F}"/>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947809CD-1BBB-CC2C-338E-A860BA23F6FD}"/>
              </a:ext>
            </a:extLst>
          </p:cNvPr>
          <p:cNvSpPr>
            <a:spLocks noGrp="1"/>
          </p:cNvSpPr>
          <p:nvPr>
            <p:ph type="sldNum" sz="quarter" idx="16"/>
          </p:nvPr>
        </p:nvSpPr>
        <p:spPr/>
        <p:txBody>
          <a:bodyPr/>
          <a:lstStyle/>
          <a:p>
            <a:fld id="{B64FCF4A-2F3F-4397-9C44-D2344643394B}" type="slidenum">
              <a:rPr lang="fi-FI" smtClean="0"/>
              <a:pPr/>
              <a:t>21</a:t>
            </a:fld>
            <a:endParaRPr lang="fi-FI"/>
          </a:p>
        </p:txBody>
      </p:sp>
      <p:sp>
        <p:nvSpPr>
          <p:cNvPr id="4" name="Content Placeholder 3">
            <a:extLst>
              <a:ext uri="{FF2B5EF4-FFF2-40B4-BE49-F238E27FC236}">
                <a16:creationId xmlns:a16="http://schemas.microsoft.com/office/drawing/2014/main" id="{5BB37A4B-F1B5-1C82-D0BD-69646544131D}"/>
              </a:ext>
            </a:extLst>
          </p:cNvPr>
          <p:cNvSpPr>
            <a:spLocks noGrp="1"/>
          </p:cNvSpPr>
          <p:nvPr>
            <p:ph sz="quarter" idx="10"/>
          </p:nvPr>
        </p:nvSpPr>
        <p:spPr>
          <a:xfrm>
            <a:off x="695325" y="2437990"/>
            <a:ext cx="5078942" cy="3991822"/>
          </a:xfrm>
        </p:spPr>
        <p:txBody>
          <a:bodyPr/>
          <a:lstStyle/>
          <a:p>
            <a:r>
              <a:rPr lang="fi-FI" sz="1600">
                <a:solidFill>
                  <a:schemeClr val="tx1"/>
                </a:solidFill>
              </a:rPr>
              <a:t>Resurssien hallinta ja kustannusten ennustaminen</a:t>
            </a:r>
          </a:p>
          <a:p>
            <a:pPr lvl="1"/>
            <a:r>
              <a:rPr lang="fi-FI" sz="1400">
                <a:solidFill>
                  <a:schemeClr val="tx1"/>
                </a:solidFill>
              </a:rPr>
              <a:t>Työvuorosuunnittelu: Tekoälypohjainen työvuorosuunnittelu voi huomioida palvelutarpeen kehittymisen, työntekijöiden toiveet ja aiemmat vuorotiedot. </a:t>
            </a:r>
          </a:p>
          <a:p>
            <a:pPr lvl="1"/>
            <a:r>
              <a:rPr lang="fi-FI" sz="1400">
                <a:solidFill>
                  <a:schemeClr val="tx1"/>
                </a:solidFill>
              </a:rPr>
              <a:t>Varastonhallinta: Tekoäly voi arvioida tarvikkeiden ja menekkiä ja automatisoida niiden täydennyksiä.</a:t>
            </a:r>
          </a:p>
          <a:p>
            <a:pPr lvl="1"/>
            <a:r>
              <a:rPr lang="fi-FI" sz="1400">
                <a:solidFill>
                  <a:schemeClr val="tx1"/>
                </a:solidFill>
              </a:rPr>
              <a:t>Kustannusten ennakointi: Tekoäly auttaa ennakoimaan talous- ja henkilöstöjärjestelmien tietojen perusteella tulevia kustannuksia. </a:t>
            </a:r>
          </a:p>
          <a:p>
            <a:r>
              <a:rPr lang="fi-FI" sz="1600">
                <a:solidFill>
                  <a:schemeClr val="tx1"/>
                </a:solidFill>
              </a:rPr>
              <a:t>Raporttien ja viestinnän luonnostelu</a:t>
            </a:r>
          </a:p>
          <a:p>
            <a:pPr lvl="1"/>
            <a:r>
              <a:rPr lang="fi-FI" sz="1400">
                <a:solidFill>
                  <a:schemeClr val="tx1"/>
                </a:solidFill>
              </a:rPr>
              <a:t>Raporttien valmistelu: Tekoäly voi luonnostella raportteja ja helpottaa niiden analysointia ja luokittelua sekä tuottaa tukevia visualisointeja</a:t>
            </a:r>
          </a:p>
          <a:p>
            <a:pPr lvl="1"/>
            <a:r>
              <a:rPr lang="fi-FI" sz="1400">
                <a:solidFill>
                  <a:schemeClr val="tx1"/>
                </a:solidFill>
              </a:rPr>
              <a:t>Monikielisen viestinnän tuki: Tekoäly voi tuottaa monikielisiä käännöksiä ja viestintämateriaaleja erilaisten kohde kohderyhmien tarpeisiin.</a:t>
            </a:r>
          </a:p>
        </p:txBody>
      </p:sp>
      <p:sp>
        <p:nvSpPr>
          <p:cNvPr id="8" name="Content Placeholder 7">
            <a:extLst>
              <a:ext uri="{FF2B5EF4-FFF2-40B4-BE49-F238E27FC236}">
                <a16:creationId xmlns:a16="http://schemas.microsoft.com/office/drawing/2014/main" id="{428B3980-8E10-2D2C-6DB7-A427346E487A}"/>
              </a:ext>
            </a:extLst>
          </p:cNvPr>
          <p:cNvSpPr>
            <a:spLocks noGrp="1"/>
          </p:cNvSpPr>
          <p:nvPr>
            <p:ph sz="quarter" idx="18"/>
          </p:nvPr>
        </p:nvSpPr>
        <p:spPr>
          <a:xfrm>
            <a:off x="6427463" y="2437990"/>
            <a:ext cx="5078942" cy="3991822"/>
          </a:xfrm>
        </p:spPr>
        <p:txBody>
          <a:bodyPr/>
          <a:lstStyle/>
          <a:p>
            <a:r>
              <a:rPr lang="fi-FI" sz="1600">
                <a:solidFill>
                  <a:schemeClr val="tx1"/>
                </a:solidFill>
              </a:rPr>
              <a:t>Päätöksenteon tuki</a:t>
            </a:r>
          </a:p>
          <a:p>
            <a:pPr lvl="1"/>
            <a:r>
              <a:rPr lang="fi-FI" sz="1400">
                <a:solidFill>
                  <a:schemeClr val="tx1"/>
                </a:solidFill>
              </a:rPr>
              <a:t>Palautteiden analysointi: Tekoäly analysoi erilaisten palautekanavien sisältöä, kuten kyselyiden avovastauksia tai suoria palautteita, ja luo niistä tiivistelmät sekä toimenpide-ehdotukset. Tämä auttaa hallintoa ymmärtämään paremmin henkilöstön ja asiakkaiden tarpeita.</a:t>
            </a:r>
          </a:p>
          <a:p>
            <a:pPr lvl="1"/>
            <a:r>
              <a:rPr lang="fi-FI" sz="1400">
                <a:solidFill>
                  <a:schemeClr val="tx1"/>
                </a:solidFill>
              </a:rPr>
              <a:t>Tiedon yhdistely eri järjestelmistä: Helpottaa hallinnollista päätöksentekoa. Esimerkiksi yhdistämällä alueen kuntien hyvinvointikertomukset ja resurssitiedot saadaan kattavia oivalluksia palveluiden kehittämiseksi.</a:t>
            </a:r>
          </a:p>
          <a:p>
            <a:r>
              <a:rPr lang="fi-FI" sz="1600">
                <a:solidFill>
                  <a:schemeClr val="tx1"/>
                </a:solidFill>
              </a:rPr>
              <a:t>Hallinnolliset prosessit </a:t>
            </a:r>
          </a:p>
          <a:p>
            <a:pPr lvl="1"/>
            <a:r>
              <a:rPr lang="fi-FI" sz="1400">
                <a:solidFill>
                  <a:schemeClr val="tx1"/>
                </a:solidFill>
              </a:rPr>
              <a:t>Prosessien automatisointi: Tekoäly voi mahdollistaa hallinnollisten prosessien kuten asiakirjojen käsittelyn automatisoinnin.</a:t>
            </a:r>
          </a:p>
          <a:p>
            <a:pPr marL="185738" lvl="1" indent="0">
              <a:buNone/>
            </a:pPr>
            <a:endParaRPr lang="fi-FI" sz="1400" b="1">
              <a:solidFill>
                <a:schemeClr val="tx1"/>
              </a:solidFill>
            </a:endParaRPr>
          </a:p>
          <a:p>
            <a:pPr marL="7937" indent="0">
              <a:buNone/>
            </a:pPr>
            <a:endParaRPr lang="fi-FI" sz="1600">
              <a:solidFill>
                <a:schemeClr val="tx1"/>
              </a:solidFill>
            </a:endParaRPr>
          </a:p>
        </p:txBody>
      </p:sp>
      <p:sp>
        <p:nvSpPr>
          <p:cNvPr id="11" name="Content Placeholder 7">
            <a:extLst>
              <a:ext uri="{FF2B5EF4-FFF2-40B4-BE49-F238E27FC236}">
                <a16:creationId xmlns:a16="http://schemas.microsoft.com/office/drawing/2014/main" id="{9315BC8C-1896-6B10-DA6B-64D4A7C9E22C}"/>
              </a:ext>
            </a:extLst>
          </p:cNvPr>
          <p:cNvSpPr>
            <a:spLocks noGrp="1"/>
          </p:cNvSpPr>
          <p:nvPr>
            <p:ph sz="quarter" idx="17"/>
          </p:nvPr>
        </p:nvSpPr>
        <p:spPr>
          <a:xfrm>
            <a:off x="695325" y="1739023"/>
            <a:ext cx="7180582" cy="575534"/>
          </a:xfrm>
        </p:spPr>
        <p:txBody>
          <a:bodyPr/>
          <a:lstStyle/>
          <a:p>
            <a:r>
              <a:rPr lang="fi-FI"/>
              <a:t>Hallinnossa tekoäly voi tukea resurssien hallintaa, automatisoida prosesseja, analysoida tietoa päätöksenteon tueksi sekä tukea päivittäisissä tehtävissä.</a:t>
            </a:r>
          </a:p>
        </p:txBody>
      </p:sp>
      <p:sp>
        <p:nvSpPr>
          <p:cNvPr id="7" name="Round Same Side Corner Rectangle 9">
            <a:extLst>
              <a:ext uri="{FF2B5EF4-FFF2-40B4-BE49-F238E27FC236}">
                <a16:creationId xmlns:a16="http://schemas.microsoft.com/office/drawing/2014/main" id="{45FAE0B9-BF3C-7ABC-CBDB-065DF5A7384F}"/>
              </a:ext>
            </a:extLst>
          </p:cNvPr>
          <p:cNvSpPr/>
          <p:nvPr/>
        </p:nvSpPr>
        <p:spPr>
          <a:xfrm>
            <a:off x="7896226" y="0"/>
            <a:ext cx="3600449" cy="324100"/>
          </a:xfrm>
          <a:prstGeom prst="round2SameRect">
            <a:avLst>
              <a:gd name="adj1" fmla="val 0"/>
              <a:gd name="adj2" fmla="val 50000"/>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Hallinto</a:t>
            </a:r>
          </a:p>
        </p:txBody>
      </p:sp>
    </p:spTree>
    <p:extLst>
      <p:ext uri="{BB962C8B-B14F-4D97-AF65-F5344CB8AC3E}">
        <p14:creationId xmlns:p14="http://schemas.microsoft.com/office/powerpoint/2010/main" val="236429111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6471C3-AEC8-A13C-2E2E-996194BBE23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6C6C95F-37ED-852B-4C4F-9128DAF64E8A}"/>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F104A465-72AA-2D36-3700-2B97C7B14F1E}"/>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C64807D3-2918-2386-D214-E40954556E38}"/>
              </a:ext>
            </a:extLst>
          </p:cNvPr>
          <p:cNvSpPr>
            <a:spLocks noGrp="1"/>
          </p:cNvSpPr>
          <p:nvPr>
            <p:ph type="sldNum" sz="quarter" idx="15"/>
          </p:nvPr>
        </p:nvSpPr>
        <p:spPr/>
        <p:txBody>
          <a:bodyPr/>
          <a:lstStyle/>
          <a:p>
            <a:fld id="{B64FCF4A-2F3F-4397-9C44-D2344643394B}" type="slidenum">
              <a:rPr lang="fi-FI" smtClean="0"/>
              <a:pPr/>
              <a:t>22</a:t>
            </a:fld>
            <a:endParaRPr lang="fi-FI"/>
          </a:p>
        </p:txBody>
      </p:sp>
      <p:sp>
        <p:nvSpPr>
          <p:cNvPr id="17" name="Content Placeholder 16">
            <a:extLst>
              <a:ext uri="{FF2B5EF4-FFF2-40B4-BE49-F238E27FC236}">
                <a16:creationId xmlns:a16="http://schemas.microsoft.com/office/drawing/2014/main" id="{4334F9E9-4E4A-C3C8-63DF-59A7AE40C7EB}"/>
              </a:ext>
            </a:extLst>
          </p:cNvPr>
          <p:cNvSpPr>
            <a:spLocks noGrp="1"/>
          </p:cNvSpPr>
          <p:nvPr>
            <p:ph sz="quarter" idx="10"/>
          </p:nvPr>
        </p:nvSpPr>
        <p:spPr/>
        <p:txBody>
          <a:bodyPr/>
          <a:lstStyle/>
          <a:p>
            <a:r>
              <a:rPr lang="fi-FI"/>
              <a:t>Hyvinvointialueet soveltavat tekoälyä omien tavoitteidensa ja tarpeidensa mukaisesti, minkä vuoksi käyttökohteet ja toimintatavat voivat vaihdella.</a:t>
            </a:r>
          </a:p>
          <a:p>
            <a:r>
              <a:rPr lang="fi-FI"/>
              <a:t>Tekoälyä hyödynnetään jo eri toimialoilla ja tekoälyn käytön odotetaan lisääntyvän tulevaisuudessa.</a:t>
            </a:r>
          </a:p>
          <a:p>
            <a:r>
              <a:rPr lang="fi-FI"/>
              <a:t>Oman toimialasi esimerkit auttavat ymmärtämään tekoälyn mahdollisuuksia ja käyttökohteita omassa työssäsi.</a:t>
            </a:r>
          </a:p>
        </p:txBody>
      </p:sp>
    </p:spTree>
    <p:extLst>
      <p:ext uri="{BB962C8B-B14F-4D97-AF65-F5344CB8AC3E}">
        <p14:creationId xmlns:p14="http://schemas.microsoft.com/office/powerpoint/2010/main" val="155063770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E13A2209-49D3-C470-40FB-4ED63EE9706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9CFE04D-AFF4-8609-7304-ED0CC281D509}"/>
              </a:ext>
            </a:extLst>
          </p:cNvPr>
          <p:cNvSpPr>
            <a:spLocks noGrp="1"/>
          </p:cNvSpPr>
          <p:nvPr>
            <p:ph type="title"/>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73C43FB1-95E1-83D8-072D-FA7C0F8B8798}"/>
              </a:ext>
            </a:extLst>
          </p:cNvPr>
          <p:cNvSpPr>
            <a:spLocks noGrp="1"/>
          </p:cNvSpPr>
          <p:nvPr>
            <p:ph type="sldNum" sz="quarter" idx="16"/>
          </p:nvPr>
        </p:nvSpPr>
        <p:spPr/>
        <p:txBody>
          <a:bodyPr/>
          <a:lstStyle/>
          <a:p>
            <a:fld id="{B64FCF4A-2F3F-4397-9C44-D2344643394B}" type="slidenum">
              <a:rPr lang="fi-FI" smtClean="0"/>
              <a:pPr/>
              <a:t>23</a:t>
            </a:fld>
            <a:endParaRPr lang="fi-FI"/>
          </a:p>
        </p:txBody>
      </p:sp>
    </p:spTree>
    <p:extLst>
      <p:ext uri="{BB962C8B-B14F-4D97-AF65-F5344CB8AC3E}">
        <p14:creationId xmlns:p14="http://schemas.microsoft.com/office/powerpoint/2010/main" val="67302756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D537D6-D661-7312-EB1E-589B3143EA60}"/>
            </a:ext>
          </a:extLst>
        </p:cNvPr>
        <p:cNvGrpSpPr/>
        <p:nvPr/>
      </p:nvGrpSpPr>
      <p:grpSpPr>
        <a:xfrm>
          <a:off x="0" y="0"/>
          <a:ext cx="0" cy="0"/>
          <a:chOff x="0" y="0"/>
          <a:chExt cx="0" cy="0"/>
        </a:xfrm>
      </p:grpSpPr>
      <p:pic>
        <p:nvPicPr>
          <p:cNvPr id="3" name="Graphic 2">
            <a:extLst>
              <a:ext uri="{FF2B5EF4-FFF2-40B4-BE49-F238E27FC236}">
                <a16:creationId xmlns:a16="http://schemas.microsoft.com/office/drawing/2014/main" id="{FB106E65-4E14-7552-6426-DDC3C4EB0EEB}"/>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2" name="Title 1">
            <a:extLst>
              <a:ext uri="{FF2B5EF4-FFF2-40B4-BE49-F238E27FC236}">
                <a16:creationId xmlns:a16="http://schemas.microsoft.com/office/drawing/2014/main" id="{52241D1F-F2AB-0115-E006-CCF73C20186F}"/>
              </a:ext>
            </a:extLst>
          </p:cNvPr>
          <p:cNvSpPr>
            <a:spLocks noGrp="1"/>
          </p:cNvSpPr>
          <p:nvPr>
            <p:ph type="title"/>
          </p:nvPr>
        </p:nvSpPr>
        <p:spPr/>
        <p:txBody>
          <a:bodyPr/>
          <a:lstStyle/>
          <a:p>
            <a:r>
              <a:rPr lang="fi-FI"/>
              <a:t>Eettisiä näkökulmia</a:t>
            </a:r>
          </a:p>
        </p:txBody>
      </p:sp>
      <p:sp>
        <p:nvSpPr>
          <p:cNvPr id="33" name="Text Placeholder 32">
            <a:extLst>
              <a:ext uri="{FF2B5EF4-FFF2-40B4-BE49-F238E27FC236}">
                <a16:creationId xmlns:a16="http://schemas.microsoft.com/office/drawing/2014/main" id="{92D6FAB7-F112-95D8-2A87-962991128BA5}"/>
              </a:ext>
            </a:extLst>
          </p:cNvPr>
          <p:cNvSpPr>
            <a:spLocks noGrp="1"/>
          </p:cNvSpPr>
          <p:nvPr>
            <p:ph type="body" sz="quarter" idx="13"/>
          </p:nvPr>
        </p:nvSpPr>
        <p:spPr/>
        <p:txBody>
          <a:bodyPr/>
          <a:lstStyle/>
          <a:p>
            <a:r>
              <a:rPr lang="fi-FI"/>
              <a:t>4. Eettisiä näkökulmia</a:t>
            </a:r>
          </a:p>
        </p:txBody>
      </p:sp>
      <p:sp>
        <p:nvSpPr>
          <p:cNvPr id="8" name="Slide Number Placeholder 7">
            <a:extLst>
              <a:ext uri="{FF2B5EF4-FFF2-40B4-BE49-F238E27FC236}">
                <a16:creationId xmlns:a16="http://schemas.microsoft.com/office/drawing/2014/main" id="{856E5A3F-14CE-888D-B5DF-22FA35E3B9D8}"/>
              </a:ext>
            </a:extLst>
          </p:cNvPr>
          <p:cNvSpPr>
            <a:spLocks noGrp="1"/>
          </p:cNvSpPr>
          <p:nvPr>
            <p:ph type="sldNum" sz="quarter" idx="15"/>
          </p:nvPr>
        </p:nvSpPr>
        <p:spPr/>
        <p:txBody>
          <a:bodyPr/>
          <a:lstStyle/>
          <a:p>
            <a:fld id="{B64FCF4A-2F3F-4397-9C44-D2344643394B}" type="slidenum">
              <a:rPr lang="fi-FI" smtClean="0"/>
              <a:pPr/>
              <a:t>24</a:t>
            </a:fld>
            <a:endParaRPr lang="fi-FI"/>
          </a:p>
        </p:txBody>
      </p:sp>
      <p:sp>
        <p:nvSpPr>
          <p:cNvPr id="5" name="Content Placeholder 4">
            <a:extLst>
              <a:ext uri="{FF2B5EF4-FFF2-40B4-BE49-F238E27FC236}">
                <a16:creationId xmlns:a16="http://schemas.microsoft.com/office/drawing/2014/main" id="{450D4ADF-884A-2E1E-110A-424AF8372B49}"/>
              </a:ext>
            </a:extLst>
          </p:cNvPr>
          <p:cNvSpPr>
            <a:spLocks noGrp="1"/>
          </p:cNvSpPr>
          <p:nvPr>
            <p:ph sz="quarter" idx="10"/>
          </p:nvPr>
        </p:nvSpPr>
        <p:spPr>
          <a:xfrm>
            <a:off x="695326" y="1921903"/>
            <a:ext cx="6298142" cy="3991822"/>
          </a:xfrm>
        </p:spPr>
        <p:txBody>
          <a:bodyPr/>
          <a:lstStyle/>
          <a:p>
            <a:pPr marL="7937" indent="0">
              <a:buNone/>
            </a:pPr>
            <a:r>
              <a:rPr lang="fi-FI"/>
              <a:t>Tekoälyn käytössä tulee noudattaa tiettyjä eettisiä periaatteita. Luvussa tarkastellaan näitä periaatteita, tekoälyn vaikutuksia yksilöihin ja yhteiskuntaan sekä tekoälyn eettistä käyttöä hyvinvointialueiden toimialojen näkökulmista. Lisäksi pohditaan, miten tekoälyn käyttöön liittyviä eettisiä näkökulmia voi arvioida omassa työssä. </a:t>
            </a:r>
          </a:p>
          <a:p>
            <a:pPr marL="7937" indent="0">
              <a:buNone/>
            </a:pPr>
            <a:endParaRPr lang="fi-FI">
              <a:latin typeface="+mj-lt"/>
            </a:endParaRPr>
          </a:p>
          <a:p>
            <a:pPr marL="7937" indent="0">
              <a:buNone/>
            </a:pPr>
            <a:r>
              <a:rPr lang="fi-FI">
                <a:latin typeface="+mj-lt"/>
              </a:rPr>
              <a:t>Mitä eettisiä näkökulmia tekoälyn käytössä tulee huomioida? </a:t>
            </a:r>
          </a:p>
          <a:p>
            <a:pPr marL="7937" indent="0">
              <a:buNone/>
            </a:pPr>
            <a:r>
              <a:rPr lang="fi-FI">
                <a:latin typeface="+mj-lt"/>
              </a:rPr>
              <a:t>Millaisia vaikutuksia tekoälyllä voi olla yksilöön ja yhteiskuntaan?</a:t>
            </a:r>
          </a:p>
          <a:p>
            <a:pPr marL="7937" indent="0">
              <a:buNone/>
            </a:pPr>
            <a:r>
              <a:rPr lang="fi-FI">
                <a:latin typeface="+mj-lt"/>
              </a:rPr>
              <a:t>Miten arvioida tekoälyn käytön eettisten periaatteiden toteutumista työssäsi?</a:t>
            </a:r>
          </a:p>
          <a:p>
            <a:pPr marL="7937" indent="0">
              <a:buNone/>
            </a:pPr>
            <a:r>
              <a:rPr lang="fi-FI">
                <a:latin typeface="+mj-lt"/>
              </a:rPr>
              <a:t>Esimerkkejä tekoälyn eettisistä näkökulmista eri toimialoilla</a:t>
            </a:r>
            <a:endParaRPr lang="fi-FI"/>
          </a:p>
          <a:p>
            <a:pPr marL="7937" indent="0">
              <a:buNone/>
            </a:pPr>
            <a:endParaRPr lang="fi-FI">
              <a:latin typeface="+mj-lt"/>
            </a:endParaRPr>
          </a:p>
          <a:p>
            <a:pPr marL="7937" indent="0">
              <a:buNone/>
            </a:pPr>
            <a:endParaRPr lang="fi-FI"/>
          </a:p>
        </p:txBody>
      </p:sp>
      <p:sp>
        <p:nvSpPr>
          <p:cNvPr id="54" name="TextBox 53">
            <a:extLst>
              <a:ext uri="{FF2B5EF4-FFF2-40B4-BE49-F238E27FC236}">
                <a16:creationId xmlns:a16="http://schemas.microsoft.com/office/drawing/2014/main" id="{26F00F6A-45ED-019F-E2C7-F6DA2A8E145A}"/>
              </a:ext>
            </a:extLst>
          </p:cNvPr>
          <p:cNvSpPr txBox="1"/>
          <p:nvPr/>
        </p:nvSpPr>
        <p:spPr>
          <a:xfrm>
            <a:off x="7891589" y="967169"/>
            <a:ext cx="3414586" cy="1692771"/>
          </a:xfrm>
          <a:prstGeom prst="rect">
            <a:avLst/>
          </a:prstGeom>
          <a:noFill/>
        </p:spPr>
        <p:txBody>
          <a:bodyPr wrap="square">
            <a:spAutoFit/>
          </a:bodyPr>
          <a:lstStyle/>
          <a:p>
            <a:r>
              <a:rPr lang="fi-FI" b="1">
                <a:latin typeface="+mj-lt"/>
                <a:cs typeface="Cadiz Book (Body)" panose="020B0604020202020204"/>
              </a:rPr>
              <a:t>Oppimistavoitteet</a:t>
            </a:r>
            <a:br>
              <a:rPr lang="fi-FI" sz="1600">
                <a:cs typeface="Cadiz Book (Body)" panose="020B0604020202020204"/>
              </a:rPr>
            </a:br>
            <a:endParaRPr lang="fi-FI" sz="1600">
              <a:cs typeface="Cadiz Book (Body)" panose="020B0604020202020204"/>
            </a:endParaRPr>
          </a:p>
          <a:p>
            <a:pPr marL="171450" indent="-171450">
              <a:buFont typeface="Wingdings" panose="05000000000000000000" pitchFamily="2" charset="2"/>
              <a:buChar char="ü"/>
            </a:pPr>
            <a:r>
              <a:rPr lang="fi-FI" sz="1400" spc="-40">
                <a:solidFill>
                  <a:schemeClr val="tx1"/>
                </a:solidFill>
                <a:ea typeface="+mn-lt"/>
                <a:cs typeface="+mn-lt"/>
              </a:rPr>
              <a:t>Ymmärtää miten tekoälyä käytetään eettisesti ja mitä vaikutuksia tekoälyn käytöllä voi olla</a:t>
            </a:r>
            <a:endParaRPr lang="fi-FI" sz="1400">
              <a:ea typeface="+mn-lt"/>
              <a:cs typeface="+mn-lt"/>
            </a:endParaRPr>
          </a:p>
          <a:p>
            <a:pPr marL="171450" indent="-171450">
              <a:buFont typeface="Wingdings" panose="05000000000000000000" pitchFamily="2" charset="2"/>
              <a:buChar char="ü"/>
            </a:pPr>
            <a:r>
              <a:rPr lang="fi-FI" sz="1400" spc="-40">
                <a:solidFill>
                  <a:schemeClr val="tx1"/>
                </a:solidFill>
                <a:ea typeface="+mn-lt"/>
                <a:cs typeface="+mn-lt"/>
              </a:rPr>
              <a:t>Oppia arvioimaan tekoälyn käyt</a:t>
            </a:r>
            <a:r>
              <a:rPr lang="fi-FI" sz="1400" spc="-40">
                <a:ea typeface="+mn-lt"/>
                <a:cs typeface="+mn-lt"/>
              </a:rPr>
              <a:t>ön eettisiä näkökulmia</a:t>
            </a:r>
            <a:r>
              <a:rPr lang="fi-FI" sz="1400" spc="-40">
                <a:solidFill>
                  <a:schemeClr val="tx1"/>
                </a:solidFill>
                <a:ea typeface="+mn-lt"/>
                <a:cs typeface="+mn-lt"/>
              </a:rPr>
              <a:t> omassa työssä</a:t>
            </a:r>
          </a:p>
        </p:txBody>
      </p:sp>
    </p:spTree>
    <p:extLst>
      <p:ext uri="{BB962C8B-B14F-4D97-AF65-F5344CB8AC3E}">
        <p14:creationId xmlns:p14="http://schemas.microsoft.com/office/powerpoint/2010/main" val="239061392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9FAF9B-B9B7-101C-C28D-E406B99E2A2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B06F5A8-7181-6629-6384-BC895816C59D}"/>
              </a:ext>
            </a:extLst>
          </p:cNvPr>
          <p:cNvSpPr>
            <a:spLocks noGrp="1"/>
          </p:cNvSpPr>
          <p:nvPr>
            <p:ph type="title"/>
          </p:nvPr>
        </p:nvSpPr>
        <p:spPr/>
        <p:txBody>
          <a:bodyPr/>
          <a:lstStyle/>
          <a:p>
            <a:r>
              <a:rPr lang="fi-FI" sz="3600"/>
              <a:t>Mitä eettisiä näkökulmia tekoälyn käytössä tulee huomioida? </a:t>
            </a:r>
          </a:p>
        </p:txBody>
      </p:sp>
      <p:sp>
        <p:nvSpPr>
          <p:cNvPr id="3" name="Text Placeholder 2">
            <a:extLst>
              <a:ext uri="{FF2B5EF4-FFF2-40B4-BE49-F238E27FC236}">
                <a16:creationId xmlns:a16="http://schemas.microsoft.com/office/drawing/2014/main" id="{6A5EF0D3-D1D0-0408-CBC8-2A35CF602948}"/>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8FE7AD7C-EB09-F043-BD0E-44ADF4AFC7EC}"/>
              </a:ext>
            </a:extLst>
          </p:cNvPr>
          <p:cNvSpPr>
            <a:spLocks noGrp="1"/>
          </p:cNvSpPr>
          <p:nvPr>
            <p:ph type="sldNum" sz="quarter" idx="15"/>
          </p:nvPr>
        </p:nvSpPr>
        <p:spPr/>
        <p:txBody>
          <a:bodyPr/>
          <a:lstStyle/>
          <a:p>
            <a:fld id="{B64FCF4A-2F3F-4397-9C44-D2344643394B}" type="slidenum">
              <a:rPr lang="fi-FI" smtClean="0"/>
              <a:pPr/>
              <a:t>25</a:t>
            </a:fld>
            <a:endParaRPr lang="fi-FI"/>
          </a:p>
        </p:txBody>
      </p:sp>
      <p:sp>
        <p:nvSpPr>
          <p:cNvPr id="6" name="Content Placeholder 5">
            <a:extLst>
              <a:ext uri="{FF2B5EF4-FFF2-40B4-BE49-F238E27FC236}">
                <a16:creationId xmlns:a16="http://schemas.microsoft.com/office/drawing/2014/main" id="{6D2AAF1B-4403-DAF2-2BF6-73BCE02C2069}"/>
              </a:ext>
            </a:extLst>
          </p:cNvPr>
          <p:cNvSpPr>
            <a:spLocks noGrp="1"/>
          </p:cNvSpPr>
          <p:nvPr>
            <p:ph sz="quarter" idx="10"/>
          </p:nvPr>
        </p:nvSpPr>
        <p:spPr>
          <a:xfrm>
            <a:off x="695326" y="1848479"/>
            <a:ext cx="6931159" cy="4396427"/>
          </a:xfrm>
        </p:spPr>
        <p:txBody>
          <a:bodyPr/>
          <a:lstStyle/>
          <a:p>
            <a:pPr marL="7937" indent="0">
              <a:buNone/>
            </a:pPr>
            <a:r>
              <a:rPr lang="fi-FI" sz="1400">
                <a:solidFill>
                  <a:schemeClr val="tx1"/>
                </a:solidFill>
              </a:rPr>
              <a:t>E</a:t>
            </a:r>
            <a:r>
              <a:rPr lang="fi-FI" sz="1400" kern="1000" cap="none" spc="-40">
                <a:solidFill>
                  <a:schemeClr val="tx1"/>
                </a:solidFill>
              </a:rPr>
              <a:t>ettisten periaatteiden noudattaminen koskee sekä tekoälyjärjestelmien kehittämistä ja käyttöä. </a:t>
            </a:r>
            <a:endParaRPr lang="fi-FI" sz="1400"/>
          </a:p>
          <a:p>
            <a:pPr marL="7937" indent="0">
              <a:buNone/>
            </a:pPr>
            <a:r>
              <a:rPr lang="fi-FI" sz="1400"/>
              <a:t>Tekoälyn käytössä noudatetaan vastaavia eettisiä periaatteita kuin hyvinvointialueiden toimialoilla yleisestikin. Tällaisia periaatteita ovat esimerkiksi </a:t>
            </a:r>
            <a:r>
              <a:rPr lang="fi-FI" sz="1400">
                <a:solidFill>
                  <a:schemeClr val="tx1"/>
                </a:solidFill>
              </a:rPr>
              <a:t>perus- ja i</a:t>
            </a:r>
            <a:r>
              <a:rPr lang="fi-FI" sz="1400" kern="1000" cap="none" spc="-40">
                <a:solidFill>
                  <a:schemeClr val="tx1"/>
                </a:solidFill>
              </a:rPr>
              <a:t>hmisoikeuksien,</a:t>
            </a:r>
            <a:r>
              <a:rPr lang="fi-FI" sz="1400">
                <a:solidFill>
                  <a:schemeClr val="tx1"/>
                </a:solidFill>
              </a:rPr>
              <a:t> </a:t>
            </a:r>
            <a:r>
              <a:rPr lang="fi-FI" sz="1400"/>
              <a:t>vastuullisuuden ja läpinäkyvyyden varmistaminen. </a:t>
            </a:r>
            <a:r>
              <a:rPr lang="fi-FI" sz="1400" kern="1000" cap="none" spc="-40">
                <a:solidFill>
                  <a:schemeClr val="tx1"/>
                </a:solidFill>
              </a:rPr>
              <a:t>Periaatteita noudattamalla pyritään varmistamaan, että teknologian kehitys edistää hyvinvointia ja kestävää kehitystä</a:t>
            </a:r>
            <a:r>
              <a:rPr lang="fi-FI" sz="1400">
                <a:solidFill>
                  <a:schemeClr val="tx1"/>
                </a:solidFill>
              </a:rPr>
              <a:t>, eikä </a:t>
            </a:r>
            <a:r>
              <a:rPr lang="fi-FI" sz="1400" kern="1000" cap="none" spc="-40">
                <a:solidFill>
                  <a:schemeClr val="tx1"/>
                </a:solidFill>
              </a:rPr>
              <a:t>ei aiheuta haittaa ihmisille tai yhteiskunnalle.
Tekoälyn käytössä keskeistä on tekoälyn käytön läpinäkyvyys. Se tarkoittaa, että tekoälyn toimintaperiaatteet ja päätöksentekoprosessit ovat ymmärrettäviä ja tekoälyn käytöstä viestitään avoimesti.  Lisäksi on tärkeää, että tekoälyjärjestelmät eivät syrji tai aiheuta epäoikeudenmukaisia vaikutuksia eri ihmisryhmille. 
</a:t>
            </a:r>
            <a:r>
              <a:rPr lang="fi-FI" sz="1400">
                <a:solidFill>
                  <a:schemeClr val="tx1"/>
                </a:solidFill>
              </a:rPr>
              <a:t>Sekä tekoälyn </a:t>
            </a:r>
            <a:r>
              <a:rPr lang="fi-FI" sz="1400" kern="1000" cap="none" spc="-40">
                <a:solidFill>
                  <a:schemeClr val="tx1"/>
                </a:solidFill>
              </a:rPr>
              <a:t>kehittäjät että käyttäjät kantavat vastuun tekoälyn mahdollisista vaikutuksista. </a:t>
            </a:r>
          </a:p>
          <a:p>
            <a:pPr marL="7937" indent="0">
              <a:buNone/>
            </a:pPr>
            <a:r>
              <a:rPr lang="fi-FI" sz="1400" kern="1000" cap="none" spc="-40">
                <a:solidFill>
                  <a:schemeClr val="tx1"/>
                </a:solidFill>
              </a:rPr>
              <a:t>Eettisiä periaatteita noudattamalla luodaan luottamusta teknologiaan ja sen </a:t>
            </a:r>
            <a:r>
              <a:rPr lang="fi-FI" sz="1400">
                <a:solidFill>
                  <a:schemeClr val="tx1"/>
                </a:solidFill>
              </a:rPr>
              <a:t>mahdollisuuksiin </a:t>
            </a:r>
            <a:r>
              <a:rPr lang="fi-FI" sz="1400" kern="1000" cap="none" spc="-40">
                <a:solidFill>
                  <a:schemeClr val="tx1"/>
                </a:solidFill>
              </a:rPr>
              <a:t>edistää yhteiskunnallista hyvää. Tekoälyn käytön lisääntyessä on tärkeää, että keskusteluun, päätöksentekoon osallistuvat niin tekoälyn kehittäjät, lainsäätäjät, eri alojen asiantuntijat kuin kansalaisetkin. Yhteistyö eri hallitusten, yritysten ja kansalaisjärjestöjen välillä on </a:t>
            </a:r>
            <a:r>
              <a:rPr lang="fi-FI" sz="1400">
                <a:solidFill>
                  <a:schemeClr val="tx1"/>
                </a:solidFill>
              </a:rPr>
              <a:t>olennaista tekoälyn käyttöä ohjaavien sääntöjen ja </a:t>
            </a:r>
            <a:r>
              <a:rPr lang="fi-FI" sz="1400" kern="1000" cap="none" spc="-40">
                <a:solidFill>
                  <a:schemeClr val="tx1"/>
                </a:solidFill>
              </a:rPr>
              <a:t>yhteisten ohjenuorien rakentamisessa.</a:t>
            </a:r>
          </a:p>
          <a:p>
            <a:pPr marL="7937" indent="0">
              <a:buNone/>
            </a:pPr>
            <a:endParaRPr lang="fi-FI" sz="1400" kern="1000" cap="none" spc="-40">
              <a:solidFill>
                <a:schemeClr val="tx1"/>
              </a:solidFill>
            </a:endParaRPr>
          </a:p>
          <a:p>
            <a:pPr marL="7937" indent="0">
              <a:buNone/>
            </a:pPr>
            <a:endParaRPr lang="fi-FI" sz="1400" kern="1000" cap="none" spc="-40">
              <a:solidFill>
                <a:schemeClr val="tx1"/>
              </a:solidFill>
            </a:endParaRPr>
          </a:p>
          <a:p>
            <a:pPr marL="7937" indent="0">
              <a:buNone/>
            </a:pPr>
            <a:endParaRPr lang="fi-FI" sz="1400">
              <a:solidFill>
                <a:schemeClr val="tx1"/>
              </a:solidFill>
            </a:endParaRPr>
          </a:p>
        </p:txBody>
      </p:sp>
      <p:sp>
        <p:nvSpPr>
          <p:cNvPr id="4" name="Graphic 44">
            <a:extLst>
              <a:ext uri="{FF2B5EF4-FFF2-40B4-BE49-F238E27FC236}">
                <a16:creationId xmlns:a16="http://schemas.microsoft.com/office/drawing/2014/main" id="{8758ADA2-3FF1-187F-BBC5-174D0A55B654}"/>
              </a:ext>
            </a:extLst>
          </p:cNvPr>
          <p:cNvSpPr/>
          <p:nvPr/>
        </p:nvSpPr>
        <p:spPr>
          <a:xfrm>
            <a:off x="8058306" y="1848480"/>
            <a:ext cx="3438369" cy="4388808"/>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a:lnSpc>
                <a:spcPct val="115000"/>
              </a:lnSpc>
            </a:pPr>
            <a:r>
              <a:rPr lang="fi-FI" sz="1400" kern="100">
                <a:latin typeface="+mj-lt"/>
                <a:ea typeface="Aptos" panose="020B0004020202020204" pitchFamily="34" charset="0"/>
                <a:cs typeface="Times New Roman" panose="02020603050405020304" pitchFamily="18" charset="0"/>
              </a:rPr>
              <a:t>Luotettavan tekoälyn eettiset ohjeet</a:t>
            </a:r>
          </a:p>
          <a:p>
            <a:pPr>
              <a:lnSpc>
                <a:spcPct val="115000"/>
              </a:lnSpc>
            </a:pPr>
            <a:endParaRPr lang="fi-FI" sz="1400" kern="100">
              <a:ea typeface="Aptos" panose="020B0004020202020204" pitchFamily="34" charset="0"/>
              <a:cs typeface="Times New Roman" panose="02020603050405020304" pitchFamily="18" charset="0"/>
            </a:endParaRPr>
          </a:p>
          <a:p>
            <a:pPr>
              <a:lnSpc>
                <a:spcPct val="115000"/>
              </a:lnSpc>
            </a:pPr>
            <a:r>
              <a:rPr lang="fi-FI" sz="1400" kern="100">
                <a:ea typeface="Aptos" panose="020B0004020202020204" pitchFamily="34" charset="0"/>
                <a:cs typeface="Times New Roman" panose="02020603050405020304" pitchFamily="18" charset="0"/>
              </a:rPr>
              <a:t>EU:n tarjoavat perustan tekoälyn eettiseen käyttöön.
</a:t>
            </a:r>
            <a:endParaRPr lang="fi-FI" sz="1400" kern="100">
              <a:effectLst/>
              <a:ea typeface="Aptos" panose="020B0004020202020204" pitchFamily="34" charset="0"/>
              <a:cs typeface="Times New Roman" panose="02020603050405020304" pitchFamily="18" charset="0"/>
            </a:endParaRP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Ihmisen toimijuus ja ihmisen suorittama valvonta</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Tekninen luotettavuus ja turvallisuus</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Yksityisyyden suoja ja datan hallinta</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Läpinäkyvyys</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Monimuotoisuus, syrjimättömyys ja oikeudenmukaisuus</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Yhteiskunnallinen ja ekologinen hyvinvointi</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Vastuuvelvollisuus</a:t>
            </a:r>
          </a:p>
        </p:txBody>
      </p:sp>
    </p:spTree>
    <p:extLst>
      <p:ext uri="{BB962C8B-B14F-4D97-AF65-F5344CB8AC3E}">
        <p14:creationId xmlns:p14="http://schemas.microsoft.com/office/powerpoint/2010/main" val="125558411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2C7C460-B35A-BA9C-607E-081D919397D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E18BBE-B3D1-8DC8-3EA7-0B02F0C41A84}"/>
              </a:ext>
            </a:extLst>
          </p:cNvPr>
          <p:cNvSpPr>
            <a:spLocks noGrp="1"/>
          </p:cNvSpPr>
          <p:nvPr>
            <p:ph type="title"/>
          </p:nvPr>
        </p:nvSpPr>
        <p:spPr/>
        <p:txBody>
          <a:bodyPr/>
          <a:lstStyle/>
          <a:p>
            <a:r>
              <a:rPr lang="fi-FI"/>
              <a:t>Millaisia vaikutuksia tekoälyllä voi olla yksilöön ja yhteiskuntaan?</a:t>
            </a:r>
          </a:p>
        </p:txBody>
      </p:sp>
      <p:sp>
        <p:nvSpPr>
          <p:cNvPr id="3" name="Text Placeholder 2">
            <a:extLst>
              <a:ext uri="{FF2B5EF4-FFF2-40B4-BE49-F238E27FC236}">
                <a16:creationId xmlns:a16="http://schemas.microsoft.com/office/drawing/2014/main" id="{95B9A771-EDF3-1553-5B0F-B2292267A4DC}"/>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B0ADE03B-FAE2-A07F-36AF-32E7D3C0D23B}"/>
              </a:ext>
            </a:extLst>
          </p:cNvPr>
          <p:cNvSpPr>
            <a:spLocks noGrp="1"/>
          </p:cNvSpPr>
          <p:nvPr>
            <p:ph type="sldNum" sz="quarter" idx="15"/>
          </p:nvPr>
        </p:nvSpPr>
        <p:spPr/>
        <p:txBody>
          <a:bodyPr/>
          <a:lstStyle/>
          <a:p>
            <a:fld id="{B64FCF4A-2F3F-4397-9C44-D2344643394B}" type="slidenum">
              <a:rPr lang="fi-FI" smtClean="0"/>
              <a:pPr/>
              <a:t>26</a:t>
            </a:fld>
            <a:endParaRPr lang="fi-FI"/>
          </a:p>
        </p:txBody>
      </p:sp>
      <p:sp>
        <p:nvSpPr>
          <p:cNvPr id="6" name="Content Placeholder 5">
            <a:extLst>
              <a:ext uri="{FF2B5EF4-FFF2-40B4-BE49-F238E27FC236}">
                <a16:creationId xmlns:a16="http://schemas.microsoft.com/office/drawing/2014/main" id="{5BB20AC7-1832-AB00-CFFC-F1AAA3D02AAF}"/>
              </a:ext>
            </a:extLst>
          </p:cNvPr>
          <p:cNvSpPr>
            <a:spLocks noGrp="1"/>
          </p:cNvSpPr>
          <p:nvPr>
            <p:ph sz="quarter" idx="10"/>
          </p:nvPr>
        </p:nvSpPr>
        <p:spPr>
          <a:xfrm>
            <a:off x="695326" y="1974208"/>
            <a:ext cx="6922330" cy="3991822"/>
          </a:xfrm>
        </p:spPr>
        <p:txBody>
          <a:bodyPr/>
          <a:lstStyle/>
          <a:p>
            <a:pPr marL="7937" indent="0">
              <a:buNone/>
            </a:pPr>
            <a:r>
              <a:rPr lang="fi-FI" sz="1400" kern="1000" cap="none" spc="-40">
                <a:solidFill>
                  <a:schemeClr val="tx1"/>
                </a:solidFill>
              </a:rPr>
              <a:t>Tekoälyn vaikutukset yksilöihin ja yhteiskuntaan ovat laaja-alaisia ja monimuotoisia.</a:t>
            </a:r>
          </a:p>
          <a:p>
            <a:pPr marL="7937" indent="0">
              <a:buNone/>
            </a:pPr>
            <a:r>
              <a:rPr lang="fi-FI" sz="1400" kern="1000" cap="none" spc="-40">
                <a:solidFill>
                  <a:schemeClr val="tx1"/>
                </a:solidFill>
              </a:rPr>
              <a:t>Yksilötasolla tekoäly voi parantaa elämänlaatua tarjoamalla räätälöityjä palveluja ja ratkaisuja, jotka vastaavat kunkin henkilön erityistarpeita ja mieltymyksiä. Esimerkiksi terveydenhuollossa tekoäly voi luoda henkilökohtaisia hoitosuunnitelmia, mikä voi johtaa parempaan terveyteen ja hyvinvointiin. Jos taas eettisiä periaatteita ei oteta huomioon tekoälyn kehityksessä, voi lopputulos asettaa henkilöitä eriarvoiseen asemaan tai tarjota sopimattomia hoitomuotoja.
Yhteiskunnallisella tasolla tekoäly voi edistää oikeudenmukaisuutta ja tasa-arvoa. Kun tekoälyjärjestelmät suunnitellaan ja toteutetaan eettisesti, ne voivat auttaa vähentämään ennakkoluuloja ja syrjintää, jotka usein vaikuttavat päätöksentekoprosesseihin. Esimerkiksi rekrytointiprosesseissa tekoäly voi analysoida hakijoita objektiivisesti, mikä voi parantaa monimuotoisuutta työpaikoilla ja mahdollistaa laajemman osaamisen hyödyntämisen. Käänteisesti</a:t>
            </a:r>
            <a:r>
              <a:rPr lang="fi-FI" sz="1400">
                <a:solidFill>
                  <a:schemeClr val="tx1"/>
                </a:solidFill>
              </a:rPr>
              <a:t>, jos </a:t>
            </a:r>
            <a:r>
              <a:rPr lang="fi-FI" sz="1400" kern="1000" cap="none" spc="-40">
                <a:solidFill>
                  <a:schemeClr val="tx1"/>
                </a:solidFill>
              </a:rPr>
              <a:t>tekoälyn kehityksessä ei oteta eettisiä periaatteita huomioon, tekoälymalli voi pahimmassa tapauksessa syrjiä joitakin ihmisryhmiä</a:t>
            </a:r>
            <a:r>
              <a:rPr lang="fi-FI" sz="1400">
                <a:solidFill>
                  <a:schemeClr val="tx1"/>
                </a:solidFill>
              </a:rPr>
              <a:t> ja vaikeuttaa heidän työllistymistään.</a:t>
            </a:r>
            <a:endParaRPr lang="fi-FI" sz="1400" kern="1000" cap="none" spc="-40">
              <a:solidFill>
                <a:schemeClr val="tx1"/>
              </a:solidFill>
            </a:endParaRPr>
          </a:p>
          <a:p>
            <a:pPr marL="7937" indent="0">
              <a:buNone/>
            </a:pPr>
            <a:r>
              <a:rPr lang="fi-FI" sz="1400">
                <a:solidFill>
                  <a:schemeClr val="tx1"/>
                </a:solidFill>
              </a:rPr>
              <a:t>On tärkeää varmistaa, että tekoälyn mahdollisuuksia ei käytetä väärin ja että järjestelmät eivät aiheuta haittaa. </a:t>
            </a:r>
          </a:p>
        </p:txBody>
      </p:sp>
      <p:sp>
        <p:nvSpPr>
          <p:cNvPr id="4" name="Graphic 44">
            <a:extLst>
              <a:ext uri="{FF2B5EF4-FFF2-40B4-BE49-F238E27FC236}">
                <a16:creationId xmlns:a16="http://schemas.microsoft.com/office/drawing/2014/main" id="{33A25604-0F47-FBE8-D0A9-706D0A2A2055}"/>
              </a:ext>
            </a:extLst>
          </p:cNvPr>
          <p:cNvSpPr/>
          <p:nvPr/>
        </p:nvSpPr>
        <p:spPr>
          <a:xfrm>
            <a:off x="8140729" y="1874189"/>
            <a:ext cx="3438369" cy="43631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a:lnSpc>
                <a:spcPct val="115000"/>
              </a:lnSpc>
            </a:pPr>
            <a:r>
              <a:rPr lang="fi-FI" sz="1400" kern="100">
                <a:latin typeface="+mj-lt"/>
                <a:ea typeface="Aptos" panose="020B0004020202020204" pitchFamily="34" charset="0"/>
                <a:cs typeface="Times New Roman" panose="02020603050405020304" pitchFamily="18" charset="0"/>
              </a:rPr>
              <a:t>Luotettavan tekoälyn eettiset ohjeet</a:t>
            </a:r>
          </a:p>
          <a:p>
            <a:pPr>
              <a:lnSpc>
                <a:spcPct val="115000"/>
              </a:lnSpc>
            </a:pPr>
            <a:endParaRPr lang="fi-FI" sz="1400" kern="100">
              <a:ea typeface="Aptos" panose="020B0004020202020204" pitchFamily="34" charset="0"/>
              <a:cs typeface="Times New Roman" panose="02020603050405020304" pitchFamily="18" charset="0"/>
            </a:endParaRPr>
          </a:p>
          <a:p>
            <a:pPr>
              <a:lnSpc>
                <a:spcPct val="115000"/>
              </a:lnSpc>
            </a:pPr>
            <a:r>
              <a:rPr lang="fi-FI" sz="1400" kern="100">
                <a:ea typeface="Aptos" panose="020B0004020202020204" pitchFamily="34" charset="0"/>
                <a:cs typeface="Times New Roman" panose="02020603050405020304" pitchFamily="18" charset="0"/>
              </a:rPr>
              <a:t>Myös vaikutuksia yksilöihin ja yhteiskuntaan voidaan huomioida EU:n luotettavan tekoälyn ohjeiden mukaisesti. </a:t>
            </a:r>
          </a:p>
          <a:p>
            <a:pPr>
              <a:lnSpc>
                <a:spcPct val="115000"/>
              </a:lnSpc>
            </a:pPr>
            <a:endParaRPr lang="fi-FI" sz="1200" kern="100">
              <a:ea typeface="Aptos" panose="020B0004020202020204" pitchFamily="34" charset="0"/>
              <a:cs typeface="Times New Roman" panose="02020603050405020304" pitchFamily="18" charset="0"/>
            </a:endParaRPr>
          </a:p>
          <a:p>
            <a:pPr marL="285750" indent="-285750">
              <a:lnSpc>
                <a:spcPct val="115000"/>
              </a:lnSpc>
              <a:buFont typeface="Arial" panose="020B0604020202020204" pitchFamily="34" charset="0"/>
              <a:buChar char="•"/>
            </a:pPr>
            <a:r>
              <a:rPr lang="fi-FI" sz="1200" kern="100">
                <a:ea typeface="Aptos" panose="020B0004020202020204" pitchFamily="34" charset="0"/>
                <a:cs typeface="Times New Roman" panose="02020603050405020304" pitchFamily="18" charset="0"/>
              </a:rPr>
              <a:t>Kehityksessä on ensisijaisen tärkeää huomioida tahattomien haittavaikutusten ehkäiseminen sekä ratkaisujen oikeudenmukaisuus. 
On tärkeää pyrkiä varmistamaan läpinäkyvyys ja selitettävyys tekoälyratkaisuille. 
Erityisesti sosiaali-, terveys- ja pelastustoimialoilla on otettava huomioon ihmisten itsemääräämisoikeus sekä heidän mahdollisuutensa vaikuttaa itseään koskeviin palveluihin.</a:t>
            </a:r>
            <a:endParaRPr lang="fi-FI" sz="1100" kern="100">
              <a:effectLst/>
              <a:ea typeface="Aptos" panose="020B0004020202020204" pitchFamily="34" charset="0"/>
              <a:cs typeface="Times New Roman" panose="02020603050405020304" pitchFamily="18" charset="0"/>
            </a:endParaRPr>
          </a:p>
        </p:txBody>
      </p:sp>
    </p:spTree>
    <p:extLst>
      <p:ext uri="{BB962C8B-B14F-4D97-AF65-F5344CB8AC3E}">
        <p14:creationId xmlns:p14="http://schemas.microsoft.com/office/powerpoint/2010/main" val="427114434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C44460E-FA4C-5CBE-946A-31CBACD473F9}"/>
              </a:ext>
            </a:extLst>
          </p:cNvPr>
          <p:cNvSpPr>
            <a:spLocks noGrp="1"/>
          </p:cNvSpPr>
          <p:nvPr>
            <p:ph type="title"/>
          </p:nvPr>
        </p:nvSpPr>
        <p:spPr/>
        <p:txBody>
          <a:bodyPr/>
          <a:lstStyle/>
          <a:p>
            <a:r>
              <a:rPr lang="fi-FI"/>
              <a:t>Miten arvioida tekoälyn käytön eettisten periaatteiden toteutumista työssäsi?</a:t>
            </a:r>
          </a:p>
        </p:txBody>
      </p:sp>
      <p:sp>
        <p:nvSpPr>
          <p:cNvPr id="3" name="Text Placeholder 2">
            <a:extLst>
              <a:ext uri="{FF2B5EF4-FFF2-40B4-BE49-F238E27FC236}">
                <a16:creationId xmlns:a16="http://schemas.microsoft.com/office/drawing/2014/main" id="{7C4219A3-B983-A5C4-7434-F165510BD085}"/>
              </a:ext>
            </a:extLst>
          </p:cNvPr>
          <p:cNvSpPr>
            <a:spLocks noGrp="1"/>
          </p:cNvSpPr>
          <p:nvPr>
            <p:ph type="body" sz="quarter" idx="13"/>
          </p:nvPr>
        </p:nvSpPr>
        <p:spPr/>
        <p:txBody>
          <a:bodyPr/>
          <a:lstStyle/>
          <a:p>
            <a:r>
              <a:rPr lang="fi-FI"/>
              <a:t>4. Eettisiä näkökulmia</a:t>
            </a:r>
          </a:p>
        </p:txBody>
      </p:sp>
      <p:sp>
        <p:nvSpPr>
          <p:cNvPr id="7" name="Slide Number Placeholder 6">
            <a:extLst>
              <a:ext uri="{FF2B5EF4-FFF2-40B4-BE49-F238E27FC236}">
                <a16:creationId xmlns:a16="http://schemas.microsoft.com/office/drawing/2014/main" id="{D1911F12-0B38-26B1-6E7C-33FAB4CF27E7}"/>
              </a:ext>
            </a:extLst>
          </p:cNvPr>
          <p:cNvSpPr>
            <a:spLocks noGrp="1"/>
          </p:cNvSpPr>
          <p:nvPr>
            <p:ph type="sldNum" sz="quarter" idx="15"/>
          </p:nvPr>
        </p:nvSpPr>
        <p:spPr/>
        <p:txBody>
          <a:bodyPr/>
          <a:lstStyle/>
          <a:p>
            <a:fld id="{B64FCF4A-2F3F-4397-9C44-D2344643394B}" type="slidenum">
              <a:rPr lang="fi-FI" smtClean="0"/>
              <a:pPr/>
              <a:t>27</a:t>
            </a:fld>
            <a:endParaRPr lang="fi-FI"/>
          </a:p>
        </p:txBody>
      </p:sp>
      <p:sp>
        <p:nvSpPr>
          <p:cNvPr id="5" name="Content Placeholder 4">
            <a:extLst>
              <a:ext uri="{FF2B5EF4-FFF2-40B4-BE49-F238E27FC236}">
                <a16:creationId xmlns:a16="http://schemas.microsoft.com/office/drawing/2014/main" id="{659E9474-0113-44E2-0FB6-8280B423F9FE}"/>
              </a:ext>
            </a:extLst>
          </p:cNvPr>
          <p:cNvSpPr>
            <a:spLocks noGrp="1"/>
          </p:cNvSpPr>
          <p:nvPr>
            <p:ph sz="quarter" idx="10"/>
          </p:nvPr>
        </p:nvSpPr>
        <p:spPr>
          <a:xfrm>
            <a:off x="695326" y="2107598"/>
            <a:ext cx="7200900" cy="3991822"/>
          </a:xfrm>
        </p:spPr>
        <p:txBody>
          <a:bodyPr/>
          <a:lstStyle/>
          <a:p>
            <a:pPr marL="7937" indent="0">
              <a:buNone/>
            </a:pPr>
            <a:r>
              <a:rPr lang="fi-FI" sz="1600"/>
              <a:t>Kun kohtaat tekoälyjärjestelmiä työssäsi, pohdi seuraavia asioita:</a:t>
            </a:r>
            <a:endParaRPr lang="fi-FI" sz="1600" b="1"/>
          </a:p>
          <a:p>
            <a:r>
              <a:rPr lang="fi-FI" sz="1600" b="1"/>
              <a:t>Tulosten luotettavuus: </a:t>
            </a:r>
            <a:r>
              <a:rPr lang="fi-FI" sz="1600"/>
              <a:t>Ovatko tekoälyn tarjoamat tiedot tai suositukset tarkkoja, olennaisia, järkeviä ja perusteltuja?</a:t>
            </a:r>
          </a:p>
          <a:p>
            <a:r>
              <a:rPr lang="fi-FI" sz="1600" b="1"/>
              <a:t>Työn tuki: </a:t>
            </a:r>
            <a:r>
              <a:rPr lang="fi-FI" sz="1600"/>
              <a:t>Parantaako tekoäly työn laatua tai tehokkuutta, vähentääkö se rutiinitöitä tai nopeuttaako se päätöksentekoa?</a:t>
            </a:r>
          </a:p>
          <a:p>
            <a:r>
              <a:rPr lang="fi-FI" sz="1600" b="1"/>
              <a:t>Läpinäkyvyys ja selitettävyys: </a:t>
            </a:r>
            <a:r>
              <a:rPr lang="fi-FI" sz="1600"/>
              <a:t>Tietääkö käyttäjä olevansa tekemisissä tekoälyn kanssa? Onko selvää, miten järjestelmä on päätynyt tiettyyn suositukseen tai päätökseen?</a:t>
            </a:r>
          </a:p>
          <a:p>
            <a:r>
              <a:rPr lang="fi-FI" sz="1600" b="1"/>
              <a:t>Vaikutus ihmisiin: </a:t>
            </a:r>
            <a:r>
              <a:rPr lang="fi-FI" sz="1600"/>
              <a:t>Millaisia vaikutuksia tekoälyn käytöllä voi olla asiakkaisiin, potilaisiin ja työntekijöihin? Onko tekoälyn käyttöön liittyviä mahdollisia haittoja tai riskejä tunnistettu ja hallittu? </a:t>
            </a:r>
            <a:endParaRPr lang="fi-FI"/>
          </a:p>
        </p:txBody>
      </p:sp>
    </p:spTree>
    <p:extLst>
      <p:ext uri="{BB962C8B-B14F-4D97-AF65-F5344CB8AC3E}">
        <p14:creationId xmlns:p14="http://schemas.microsoft.com/office/powerpoint/2010/main" val="3914899293"/>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590E243C-FDD2-0044-3E2A-4ADE6EF4E4A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0D81BC4-1494-1BE5-FADF-0D0760E46D85}"/>
              </a:ext>
            </a:extLst>
          </p:cNvPr>
          <p:cNvSpPr>
            <a:spLocks noGrp="1"/>
          </p:cNvSpPr>
          <p:nvPr>
            <p:ph type="title"/>
          </p:nvPr>
        </p:nvSpPr>
        <p:spPr/>
        <p:txBody>
          <a:bodyPr/>
          <a:lstStyle/>
          <a:p>
            <a:r>
              <a:rPr lang="fi-FI"/>
              <a:t>Esimerkkejä tekoälyn eettisistä näkökulmista sosiaalihuollossa</a:t>
            </a:r>
          </a:p>
        </p:txBody>
      </p:sp>
      <p:sp>
        <p:nvSpPr>
          <p:cNvPr id="3" name="Text Placeholder 2">
            <a:extLst>
              <a:ext uri="{FF2B5EF4-FFF2-40B4-BE49-F238E27FC236}">
                <a16:creationId xmlns:a16="http://schemas.microsoft.com/office/drawing/2014/main" id="{4F46E33A-16BF-8712-3F15-F6AA57FF8B02}"/>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0BBC578B-71C0-EBA6-589E-105572DE2182}"/>
              </a:ext>
            </a:extLst>
          </p:cNvPr>
          <p:cNvSpPr>
            <a:spLocks noGrp="1"/>
          </p:cNvSpPr>
          <p:nvPr>
            <p:ph type="sldNum" sz="quarter" idx="16"/>
          </p:nvPr>
        </p:nvSpPr>
        <p:spPr/>
        <p:txBody>
          <a:bodyPr/>
          <a:lstStyle/>
          <a:p>
            <a:fld id="{B64FCF4A-2F3F-4397-9C44-D2344643394B}" type="slidenum">
              <a:rPr lang="fi-FI" smtClean="0"/>
              <a:pPr/>
              <a:t>28</a:t>
            </a:fld>
            <a:endParaRPr lang="fi-FI"/>
          </a:p>
        </p:txBody>
      </p:sp>
      <p:sp>
        <p:nvSpPr>
          <p:cNvPr id="12" name="Round Same Side Corner Rectangle 11">
            <a:extLst>
              <a:ext uri="{FF2B5EF4-FFF2-40B4-BE49-F238E27FC236}">
                <a16:creationId xmlns:a16="http://schemas.microsoft.com/office/drawing/2014/main" id="{092B16F9-51D5-E75C-2A10-97CCA07779F1}"/>
              </a:ext>
            </a:extLst>
          </p:cNvPr>
          <p:cNvSpPr/>
          <p:nvPr/>
        </p:nvSpPr>
        <p:spPr>
          <a:xfrm>
            <a:off x="7896226" y="0"/>
            <a:ext cx="3600449" cy="324100"/>
          </a:xfrm>
          <a:prstGeom prst="round2SameRect">
            <a:avLst>
              <a:gd name="adj1" fmla="val 0"/>
              <a:gd name="adj2" fmla="val 50000"/>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bg1"/>
                </a:solidFill>
              </a:rPr>
              <a:t>Sosiaalihuolto</a:t>
            </a:r>
          </a:p>
        </p:txBody>
      </p:sp>
      <p:sp>
        <p:nvSpPr>
          <p:cNvPr id="9" name="Content Placeholder 8">
            <a:extLst>
              <a:ext uri="{FF2B5EF4-FFF2-40B4-BE49-F238E27FC236}">
                <a16:creationId xmlns:a16="http://schemas.microsoft.com/office/drawing/2014/main" id="{67442F3E-0E19-E6E1-696B-C38664A0D0F2}"/>
              </a:ext>
            </a:extLst>
          </p:cNvPr>
          <p:cNvSpPr>
            <a:spLocks noGrp="1"/>
          </p:cNvSpPr>
          <p:nvPr>
            <p:ph sz="quarter" idx="17"/>
          </p:nvPr>
        </p:nvSpPr>
        <p:spPr>
          <a:xfrm>
            <a:off x="695326" y="1818161"/>
            <a:ext cx="7180582" cy="575534"/>
          </a:xfrm>
        </p:spPr>
        <p:txBody>
          <a:bodyPr/>
          <a:lstStyle/>
          <a:p>
            <a:r>
              <a:rPr lang="fi-FI"/>
              <a:t>Sosiaalihuollolla on tärkeä rooli yhteiskunnassa toimia eettisesti ja tasavertaisesti. Tekoälyn myötä nämä teemat korostuvat.</a:t>
            </a:r>
          </a:p>
        </p:txBody>
      </p:sp>
      <p:sp>
        <p:nvSpPr>
          <p:cNvPr id="8" name="Content Placeholder 7">
            <a:extLst>
              <a:ext uri="{FF2B5EF4-FFF2-40B4-BE49-F238E27FC236}">
                <a16:creationId xmlns:a16="http://schemas.microsoft.com/office/drawing/2014/main" id="{48B9A340-3939-AA61-8AE2-04BDFE8A5BAB}"/>
              </a:ext>
            </a:extLst>
          </p:cNvPr>
          <p:cNvSpPr>
            <a:spLocks noGrp="1"/>
          </p:cNvSpPr>
          <p:nvPr>
            <p:ph sz="quarter" idx="10"/>
          </p:nvPr>
        </p:nvSpPr>
        <p:spPr>
          <a:xfrm>
            <a:off x="695326" y="2506227"/>
            <a:ext cx="5078942" cy="3991822"/>
          </a:xfrm>
        </p:spPr>
        <p:txBody>
          <a:bodyPr/>
          <a:lstStyle/>
          <a:p>
            <a:r>
              <a:rPr lang="fi-FI">
                <a:solidFill>
                  <a:schemeClr val="tx1"/>
                </a:solidFill>
              </a:rPr>
              <a:t>Oikeudenmukainen kohtelu ja tekoälyjärjestelmien läpinäkyvyys</a:t>
            </a:r>
          </a:p>
          <a:p>
            <a:pPr lvl="1"/>
            <a:r>
              <a:rPr lang="fi-FI">
                <a:solidFill>
                  <a:schemeClr val="tx1"/>
                </a:solidFill>
              </a:rPr>
              <a:t>Päätösten (mm. lastensuojelu, tuet, työttömyyspalvelut) teon tulee perustua oikeudenmukaisuuteen, ei ennakkoasenteisiin.</a:t>
            </a:r>
          </a:p>
          <a:p>
            <a:pPr lvl="1"/>
            <a:r>
              <a:rPr lang="fi-FI">
                <a:solidFill>
                  <a:schemeClr val="tx1"/>
                </a:solidFill>
              </a:rPr>
              <a:t>Tekoälyjärjestelmien hyödyntäminen sosiaalityön päätöksenteossa tulee olla yhdenvertaista, jolloin taustatietojen tulee olla tarpeeksi laajoja ja monipuolisia. Datan tulee antaa ihmisistä moninainen kuvaus ilman, että ennakkoluuloihin pohjautuvia ryhmittelyjä pääsee tapahtumaan.</a:t>
            </a:r>
          </a:p>
          <a:p>
            <a:pPr lvl="1"/>
            <a:r>
              <a:rPr lang="fi-FI">
                <a:solidFill>
                  <a:schemeClr val="tx1"/>
                </a:solidFill>
              </a:rPr>
              <a:t>Tekoälyjärjestelmiä rakennettaessa sosiaalipalveluiden ympärille on erityisen tärkeää, että voimme perustella tekoälyn tekemiä päätelmiä.</a:t>
            </a:r>
          </a:p>
        </p:txBody>
      </p:sp>
      <p:sp>
        <p:nvSpPr>
          <p:cNvPr id="10" name="Content Placeholder 9">
            <a:extLst>
              <a:ext uri="{FF2B5EF4-FFF2-40B4-BE49-F238E27FC236}">
                <a16:creationId xmlns:a16="http://schemas.microsoft.com/office/drawing/2014/main" id="{B2003D96-6425-4739-AB6D-2678F8A4CC36}"/>
              </a:ext>
            </a:extLst>
          </p:cNvPr>
          <p:cNvSpPr>
            <a:spLocks noGrp="1"/>
          </p:cNvSpPr>
          <p:nvPr>
            <p:ph sz="quarter" idx="18"/>
          </p:nvPr>
        </p:nvSpPr>
        <p:spPr>
          <a:xfrm>
            <a:off x="6417736" y="2506227"/>
            <a:ext cx="5078942" cy="3991822"/>
          </a:xfrm>
        </p:spPr>
        <p:txBody>
          <a:bodyPr/>
          <a:lstStyle/>
          <a:p>
            <a:r>
              <a:rPr lang="fi-FI">
                <a:solidFill>
                  <a:schemeClr val="tx1"/>
                </a:solidFill>
              </a:rPr>
              <a:t>Ihmiskeskeisyys ja vastuullisuus</a:t>
            </a:r>
          </a:p>
          <a:p>
            <a:pPr lvl="1"/>
            <a:r>
              <a:rPr lang="fi-FI">
                <a:solidFill>
                  <a:schemeClr val="tx1"/>
                </a:solidFill>
              </a:rPr>
              <a:t>Tekoälyä voidaan hyödyntää mm. päätösten tekemisessä, mutta on ensiarvoisen tärkeää, että ammattilainen tulkitsee tekoälyn tarjoamaa suositusta eikä hyväksy sitä suoraan.</a:t>
            </a:r>
          </a:p>
          <a:p>
            <a:pPr lvl="1"/>
            <a:r>
              <a:rPr lang="fi-FI">
                <a:solidFill>
                  <a:schemeClr val="tx1"/>
                </a:solidFill>
              </a:rPr>
              <a:t>Kuka on vastuussa virheen sattuessa?</a:t>
            </a:r>
          </a:p>
          <a:p>
            <a:r>
              <a:rPr lang="fi-FI">
                <a:solidFill>
                  <a:schemeClr val="tx1"/>
                </a:solidFill>
              </a:rPr>
              <a:t>Yksityisyys ja itsemääräämisoikeus</a:t>
            </a:r>
          </a:p>
          <a:p>
            <a:pPr lvl="1"/>
            <a:r>
              <a:rPr lang="fi-FI">
                <a:solidFill>
                  <a:schemeClr val="tx1"/>
                </a:solidFill>
              </a:rPr>
              <a:t>Sosiaalityön piirissä meidän tulee huomioida yksilön oikeus yksityisyyteen ja mahdollisuuteen vaikuttaa itseään koskettavaan päätöksentekoon.</a:t>
            </a:r>
          </a:p>
          <a:p>
            <a:pPr lvl="1"/>
            <a:r>
              <a:rPr lang="fi-FI">
                <a:solidFill>
                  <a:schemeClr val="tx1"/>
                </a:solidFill>
              </a:rPr>
              <a:t>Asiakkaalta tulee varmistaa kirjallinen tai suullinen suostumus sanelulaitteen tai tekoälyn käyttämisestä asiakastapaamisen kirjauksissa.</a:t>
            </a:r>
          </a:p>
        </p:txBody>
      </p:sp>
    </p:spTree>
    <p:extLst>
      <p:ext uri="{BB962C8B-B14F-4D97-AF65-F5344CB8AC3E}">
        <p14:creationId xmlns:p14="http://schemas.microsoft.com/office/powerpoint/2010/main" val="366648970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D09C0D5E-3720-9741-E211-829BB0474DB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FB80C06-FB38-F260-4308-D4030C7517C1}"/>
              </a:ext>
            </a:extLst>
          </p:cNvPr>
          <p:cNvSpPr>
            <a:spLocks noGrp="1"/>
          </p:cNvSpPr>
          <p:nvPr>
            <p:ph type="title"/>
          </p:nvPr>
        </p:nvSpPr>
        <p:spPr/>
        <p:txBody>
          <a:bodyPr/>
          <a:lstStyle/>
          <a:p>
            <a:r>
              <a:rPr lang="fi-FI"/>
              <a:t>Esimerkkejä tekoälyn eettisistä näkökulmista terveydenhuollossa</a:t>
            </a:r>
          </a:p>
        </p:txBody>
      </p:sp>
      <p:sp>
        <p:nvSpPr>
          <p:cNvPr id="3" name="Text Placeholder 2">
            <a:extLst>
              <a:ext uri="{FF2B5EF4-FFF2-40B4-BE49-F238E27FC236}">
                <a16:creationId xmlns:a16="http://schemas.microsoft.com/office/drawing/2014/main" id="{F82EF2BA-C438-5204-D08D-C30363AE85CB}"/>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3AC9B9DC-7C38-5CEF-70E4-4BD103E0143C}"/>
              </a:ext>
            </a:extLst>
          </p:cNvPr>
          <p:cNvSpPr>
            <a:spLocks noGrp="1"/>
          </p:cNvSpPr>
          <p:nvPr>
            <p:ph type="sldNum" sz="quarter" idx="16"/>
          </p:nvPr>
        </p:nvSpPr>
        <p:spPr/>
        <p:txBody>
          <a:bodyPr/>
          <a:lstStyle/>
          <a:p>
            <a:fld id="{B64FCF4A-2F3F-4397-9C44-D2344643394B}" type="slidenum">
              <a:rPr lang="fi-FI" smtClean="0"/>
              <a:pPr/>
              <a:t>29</a:t>
            </a:fld>
            <a:endParaRPr lang="fi-FI"/>
          </a:p>
        </p:txBody>
      </p:sp>
      <p:sp>
        <p:nvSpPr>
          <p:cNvPr id="12" name="Round Same Side Corner Rectangle 11">
            <a:extLst>
              <a:ext uri="{FF2B5EF4-FFF2-40B4-BE49-F238E27FC236}">
                <a16:creationId xmlns:a16="http://schemas.microsoft.com/office/drawing/2014/main" id="{CA36DA4D-BD88-D90E-B167-8A5A2959492F}"/>
              </a:ext>
            </a:extLst>
          </p:cNvPr>
          <p:cNvSpPr/>
          <p:nvPr/>
        </p:nvSpPr>
        <p:spPr>
          <a:xfrm>
            <a:off x="7896226" y="0"/>
            <a:ext cx="3600449" cy="324100"/>
          </a:xfrm>
          <a:prstGeom prst="round2SameRect">
            <a:avLst>
              <a:gd name="adj1" fmla="val 0"/>
              <a:gd name="adj2" fmla="val 50000"/>
            </a:avLst>
          </a:prstGeom>
          <a:solidFill>
            <a:schemeClr val="accent6">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Terveydenhuolto</a:t>
            </a:r>
          </a:p>
        </p:txBody>
      </p:sp>
      <p:sp>
        <p:nvSpPr>
          <p:cNvPr id="8" name="Text Placeholder 7">
            <a:extLst>
              <a:ext uri="{FF2B5EF4-FFF2-40B4-BE49-F238E27FC236}">
                <a16:creationId xmlns:a16="http://schemas.microsoft.com/office/drawing/2014/main" id="{7948EE2A-8824-614D-DB40-E5F4AFC19D3D}"/>
              </a:ext>
            </a:extLst>
          </p:cNvPr>
          <p:cNvSpPr>
            <a:spLocks noGrp="1"/>
          </p:cNvSpPr>
          <p:nvPr>
            <p:ph sz="quarter" idx="17"/>
          </p:nvPr>
        </p:nvSpPr>
        <p:spPr>
          <a:xfrm>
            <a:off x="695326" y="1768924"/>
            <a:ext cx="7180582" cy="575534"/>
          </a:xfrm>
        </p:spPr>
        <p:txBody>
          <a:bodyPr/>
          <a:lstStyle/>
          <a:p>
            <a:r>
              <a:rPr lang="fi-FI"/>
              <a:t>Terveydenhuollolla on vastuu tarjota yksilöille eettistä ja tasavertaista palvelua. Tekoälyn myötä nämä teemat korostuvat.</a:t>
            </a:r>
          </a:p>
        </p:txBody>
      </p:sp>
      <p:sp>
        <p:nvSpPr>
          <p:cNvPr id="6" name="Content Placeholder 5">
            <a:extLst>
              <a:ext uri="{FF2B5EF4-FFF2-40B4-BE49-F238E27FC236}">
                <a16:creationId xmlns:a16="http://schemas.microsoft.com/office/drawing/2014/main" id="{5902BECD-B8E1-D3FD-B7EE-2168B667AD5C}"/>
              </a:ext>
            </a:extLst>
          </p:cNvPr>
          <p:cNvSpPr>
            <a:spLocks noGrp="1"/>
          </p:cNvSpPr>
          <p:nvPr>
            <p:ph sz="quarter" idx="10"/>
          </p:nvPr>
        </p:nvSpPr>
        <p:spPr>
          <a:xfrm>
            <a:off x="695326" y="2492159"/>
            <a:ext cx="5078942" cy="3991822"/>
          </a:xfrm>
        </p:spPr>
        <p:txBody>
          <a:bodyPr/>
          <a:lstStyle/>
          <a:p>
            <a:r>
              <a:rPr lang="fi-FI">
                <a:solidFill>
                  <a:schemeClr val="tx1"/>
                </a:solidFill>
              </a:rPr>
              <a:t>Palvelun tarpeen arviointi ja ennakkoluulojen poistaminen  </a:t>
            </a:r>
          </a:p>
          <a:p>
            <a:pPr lvl="1"/>
            <a:r>
              <a:rPr lang="fi-FI">
                <a:solidFill>
                  <a:schemeClr val="tx1"/>
                </a:solidFill>
              </a:rPr>
              <a:t>Hoidon tarpeen ja hoitomuodon valinnan perusteiden tulisi olla oikeudenmukaisia kaikille mm. iästä, sukupuolesta ja taustasta riippumatta. Hoidon tarpeen arvioinnin tulee perustua lääketieteellisiin periaatteisiin, ei yksilöiden ennakkokäsityksiin.</a:t>
            </a:r>
          </a:p>
          <a:p>
            <a:r>
              <a:rPr lang="fi-FI">
                <a:solidFill>
                  <a:schemeClr val="tx1"/>
                </a:solidFill>
              </a:rPr>
              <a:t>Potilasturvallisuus  </a:t>
            </a:r>
          </a:p>
          <a:p>
            <a:pPr lvl="1"/>
            <a:r>
              <a:rPr lang="fi-FI">
                <a:solidFill>
                  <a:schemeClr val="tx1"/>
                </a:solidFill>
              </a:rPr>
              <a:t>Vaikka tekoäly voi auttaa meitä muokkaamaan palveluita entistä henkilökohtaisemmiksi, on tärkeää huomioida, ettemme voi kouluttaa tekoälyjärjestelmiä tiedoilla, joista yksilö on tunnistettavissa. </a:t>
            </a:r>
          </a:p>
        </p:txBody>
      </p:sp>
      <p:sp>
        <p:nvSpPr>
          <p:cNvPr id="9" name="Content Placeholder 8">
            <a:extLst>
              <a:ext uri="{FF2B5EF4-FFF2-40B4-BE49-F238E27FC236}">
                <a16:creationId xmlns:a16="http://schemas.microsoft.com/office/drawing/2014/main" id="{4013816D-9AC9-88FA-3FC2-BA19A78A9A78}"/>
              </a:ext>
            </a:extLst>
          </p:cNvPr>
          <p:cNvSpPr>
            <a:spLocks noGrp="1"/>
          </p:cNvSpPr>
          <p:nvPr>
            <p:ph sz="quarter" idx="18"/>
          </p:nvPr>
        </p:nvSpPr>
        <p:spPr>
          <a:xfrm>
            <a:off x="6417736" y="2492159"/>
            <a:ext cx="5078942" cy="3991822"/>
          </a:xfrm>
        </p:spPr>
        <p:txBody>
          <a:bodyPr/>
          <a:lstStyle/>
          <a:p>
            <a:r>
              <a:rPr lang="fi-FI">
                <a:solidFill>
                  <a:schemeClr val="tx1"/>
                </a:solidFill>
              </a:rPr>
              <a:t>Ihmiskeskeisyys ja vastuullisuus</a:t>
            </a:r>
          </a:p>
          <a:p>
            <a:pPr lvl="1"/>
            <a:r>
              <a:rPr lang="fi-FI">
                <a:solidFill>
                  <a:schemeClr val="tx1"/>
                </a:solidFill>
              </a:rPr>
              <a:t>Tekoälyä voidaan hyödyntää mm. diagnoosien tekemisessä, mutta on ensiarvoisen tärkeää, että ammattilainen tulkitsee tekoälyn tarjoamaa suositusta eikä hyväksy sitä suoraan.</a:t>
            </a:r>
          </a:p>
          <a:p>
            <a:r>
              <a:rPr lang="fi-FI">
                <a:solidFill>
                  <a:schemeClr val="tx1"/>
                </a:solidFill>
              </a:rPr>
              <a:t>Yksityisyys &amp; itsemääräämisoikeus</a:t>
            </a:r>
          </a:p>
          <a:p>
            <a:pPr lvl="1"/>
            <a:r>
              <a:rPr lang="fi-FI">
                <a:solidFill>
                  <a:schemeClr val="tx1"/>
                </a:solidFill>
              </a:rPr>
              <a:t>Terveydenhuollossa on tärkeää kunnioittaa yksilön oikeutta yksityisyyteen sekä hänen mahdollisuuttaan osallistua itseään koskevaan päätöksentekoon ja hoitomuotojen valintaan.</a:t>
            </a:r>
          </a:p>
          <a:p>
            <a:pPr lvl="1"/>
            <a:r>
              <a:rPr lang="fi-FI">
                <a:solidFill>
                  <a:schemeClr val="tx1"/>
                </a:solidFill>
              </a:rPr>
              <a:t>Hoitajan tai lääkärin tulee pyytää kirjallinen tai suullinen suostumus asiakkaalta tai potilaalta sanelulaitteen tai tekoälyn käyttämisestä keskusteluihin perustuvissa potilaskirjauksissa.</a:t>
            </a:r>
          </a:p>
        </p:txBody>
      </p:sp>
    </p:spTree>
    <p:extLst>
      <p:ext uri="{BB962C8B-B14F-4D97-AF65-F5344CB8AC3E}">
        <p14:creationId xmlns:p14="http://schemas.microsoft.com/office/powerpoint/2010/main" val="25573165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660204-15E3-4816-3AB0-8879E6E0D243}"/>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1CF206FA-16FB-A2F3-AC7F-40E80848071B}"/>
              </a:ext>
            </a:extLst>
          </p:cNvPr>
          <p:cNvSpPr>
            <a:spLocks noGrp="1"/>
          </p:cNvSpPr>
          <p:nvPr>
            <p:ph type="title"/>
          </p:nvPr>
        </p:nvSpPr>
        <p:spPr>
          <a:xfrm>
            <a:off x="670669" y="349431"/>
            <a:ext cx="9001125" cy="1080000"/>
          </a:xfrm>
        </p:spPr>
        <p:txBody>
          <a:bodyPr/>
          <a:lstStyle/>
          <a:p>
            <a:r>
              <a:rPr lang="fi-FI" b="1"/>
              <a:t>Oppaan sisältö ja oppimistavoitteet</a:t>
            </a:r>
            <a:endParaRPr lang="fi-FI"/>
          </a:p>
        </p:txBody>
      </p:sp>
      <p:sp>
        <p:nvSpPr>
          <p:cNvPr id="4" name="Slide Number Placeholder 3">
            <a:extLst>
              <a:ext uri="{FF2B5EF4-FFF2-40B4-BE49-F238E27FC236}">
                <a16:creationId xmlns:a16="http://schemas.microsoft.com/office/drawing/2014/main" id="{531135C3-D606-D90E-B545-1D2AE9E4B1CC}"/>
              </a:ext>
            </a:extLst>
          </p:cNvPr>
          <p:cNvSpPr>
            <a:spLocks noGrp="1"/>
          </p:cNvSpPr>
          <p:nvPr>
            <p:ph type="sldNum" sz="quarter" idx="15"/>
          </p:nvPr>
        </p:nvSpPr>
        <p:spPr/>
        <p:txBody>
          <a:bodyPr/>
          <a:lstStyle/>
          <a:p>
            <a:fld id="{B64FCF4A-2F3F-4397-9C44-D2344643394B}" type="slidenum">
              <a:rPr lang="fi-FI" smtClean="0"/>
              <a:pPr/>
              <a:t>3</a:t>
            </a:fld>
            <a:endParaRPr lang="fi-FI"/>
          </a:p>
        </p:txBody>
      </p:sp>
      <p:sp>
        <p:nvSpPr>
          <p:cNvPr id="34" name="Text Placeholder 33">
            <a:extLst>
              <a:ext uri="{FF2B5EF4-FFF2-40B4-BE49-F238E27FC236}">
                <a16:creationId xmlns:a16="http://schemas.microsoft.com/office/drawing/2014/main" id="{76185ED8-6F31-5FC9-5202-8D7901CBA08A}"/>
              </a:ext>
            </a:extLst>
          </p:cNvPr>
          <p:cNvSpPr>
            <a:spLocks noGrp="1"/>
          </p:cNvSpPr>
          <p:nvPr>
            <p:ph type="body" sz="quarter" idx="71"/>
          </p:nvPr>
        </p:nvSpPr>
        <p:spPr>
          <a:xfrm>
            <a:off x="670673" y="1846185"/>
            <a:ext cx="2024901" cy="538217"/>
          </a:xfrm>
          <a:solidFill>
            <a:schemeClr val="bg2"/>
          </a:solidFill>
        </p:spPr>
        <p:txBody>
          <a:bodyPr lIns="0"/>
          <a:lstStyle/>
          <a:p>
            <a:pPr marL="91440"/>
            <a:r>
              <a:rPr lang="fi-FI" sz="1050">
                <a:solidFill>
                  <a:schemeClr val="tx1"/>
                </a:solidFill>
                <a:latin typeface="+mj-lt"/>
              </a:rPr>
              <a:t>1. Johdanto</a:t>
            </a:r>
          </a:p>
        </p:txBody>
      </p:sp>
      <p:sp>
        <p:nvSpPr>
          <p:cNvPr id="43" name="Text Placeholder 10">
            <a:extLst>
              <a:ext uri="{FF2B5EF4-FFF2-40B4-BE49-F238E27FC236}">
                <a16:creationId xmlns:a16="http://schemas.microsoft.com/office/drawing/2014/main" id="{6B44F6EA-65CA-161F-3E9F-6F496294D3F2}"/>
              </a:ext>
            </a:extLst>
          </p:cNvPr>
          <p:cNvSpPr txBox="1">
            <a:spLocks/>
          </p:cNvSpPr>
          <p:nvPr/>
        </p:nvSpPr>
        <p:spPr>
          <a:xfrm>
            <a:off x="2743194" y="1563579"/>
            <a:ext cx="1059472" cy="285832"/>
          </a:xfrm>
          <a:prstGeom prst="rect">
            <a:avLst/>
          </a:prstGeom>
          <a:noFill/>
        </p:spPr>
        <p:txBody>
          <a:bodyPr vert="horz" lIns="0" tIns="0" rIns="0" bIns="0" rtlCol="0" anchor="ctr">
            <a:noAutofit/>
          </a:bodyPr>
          <a:lstStyle>
            <a:lvl1pPr marL="0" indent="0" algn="l" defTabSz="914400" rtl="0" eaLnBrk="1" latinLnBrk="0" hangingPunct="1">
              <a:lnSpc>
                <a:spcPct val="110000"/>
              </a:lnSpc>
              <a:spcBef>
                <a:spcPts val="1000"/>
              </a:spcBef>
              <a:buClr>
                <a:schemeClr val="accent1"/>
              </a:buClr>
              <a:buFont typeface="Arial" panose="020B0604020202020204" pitchFamily="34" charset="0"/>
              <a:buNone/>
              <a:tabLst/>
              <a:defRPr sz="900" b="0" i="0" kern="800" spc="-40" baseline="0">
                <a:solidFill>
                  <a:schemeClr val="tx1"/>
                </a:solidFill>
                <a:latin typeface="+mj-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50"/>
              <a:t>Sisältö</a:t>
            </a:r>
            <a:r>
              <a:rPr lang="fi-FI"/>
              <a:t> </a:t>
            </a:r>
          </a:p>
        </p:txBody>
      </p:sp>
      <p:sp>
        <p:nvSpPr>
          <p:cNvPr id="7" name="Text Placeholder 17">
            <a:extLst>
              <a:ext uri="{FF2B5EF4-FFF2-40B4-BE49-F238E27FC236}">
                <a16:creationId xmlns:a16="http://schemas.microsoft.com/office/drawing/2014/main" id="{94B73971-BF06-B942-6653-83CE4569DDD0}"/>
              </a:ext>
            </a:extLst>
          </p:cNvPr>
          <p:cNvSpPr txBox="1">
            <a:spLocks/>
          </p:cNvSpPr>
          <p:nvPr/>
        </p:nvSpPr>
        <p:spPr>
          <a:xfrm>
            <a:off x="2743196" y="1846185"/>
            <a:ext cx="5153030" cy="538217"/>
          </a:xfrm>
          <a:prstGeom prst="rect">
            <a:avLst/>
          </a:prstGeom>
          <a:solidFill>
            <a:srgbClr val="F0F5F5"/>
          </a:solidFill>
        </p:spPr>
        <p:txBody>
          <a:bodyPr vert="horz" lIns="72000" tIns="72000" rIns="72000" bIns="72000" rtlCol="0" anchor="t">
            <a:noAutofit/>
          </a:bodyPr>
          <a:lstStyle>
            <a:lvl1pPr marL="88900" indent="-88900" algn="l" defTabSz="914400" rtl="0" eaLnBrk="1" latinLnBrk="0" hangingPunct="1">
              <a:lnSpc>
                <a:spcPct val="90000"/>
              </a:lnSpc>
              <a:spcBef>
                <a:spcPts val="0"/>
              </a:spcBef>
              <a:spcAft>
                <a:spcPts val="400"/>
              </a:spcAft>
              <a:buClr>
                <a:schemeClr val="accent1"/>
              </a:buClr>
              <a:buFont typeface="Arial" panose="020B0604020202020204" pitchFamily="34" charset="0"/>
              <a:buChar char="•"/>
              <a:tabLst/>
              <a:defRPr sz="1100" b="0" i="0" kern="800" spc="-40" baseline="0">
                <a:solidFill>
                  <a:schemeClr val="tx1"/>
                </a:solidFill>
                <a:latin typeface="+mn-lt"/>
                <a:ea typeface="+mn-ea"/>
                <a:cs typeface="+mn-cs"/>
              </a:defRPr>
            </a:lvl1pPr>
            <a:lvl2pPr marL="225425"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defRPr sz="1000" b="0" i="0" kern="1000" spc="-30" baseline="0">
                <a:solidFill>
                  <a:srgbClr val="647D83"/>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00"/>
              <a:t>Miksi tekoälyn lukutaito on tärkeää?</a:t>
            </a:r>
          </a:p>
        </p:txBody>
      </p:sp>
      <p:sp>
        <p:nvSpPr>
          <p:cNvPr id="46" name="Text Placeholder 10">
            <a:extLst>
              <a:ext uri="{FF2B5EF4-FFF2-40B4-BE49-F238E27FC236}">
                <a16:creationId xmlns:a16="http://schemas.microsoft.com/office/drawing/2014/main" id="{ECD4BC09-81BD-D15C-AC4A-05898F040870}"/>
              </a:ext>
            </a:extLst>
          </p:cNvPr>
          <p:cNvSpPr txBox="1">
            <a:spLocks/>
          </p:cNvSpPr>
          <p:nvPr/>
        </p:nvSpPr>
        <p:spPr>
          <a:xfrm>
            <a:off x="7943849" y="1557797"/>
            <a:ext cx="3841359" cy="285832"/>
          </a:xfrm>
          <a:prstGeom prst="rect">
            <a:avLst/>
          </a:prstGeom>
          <a:noFill/>
        </p:spPr>
        <p:txBody>
          <a:bodyPr vert="horz" lIns="0" tIns="0" rIns="0" bIns="0" rtlCol="0" anchor="ctr">
            <a:noAutofit/>
          </a:bodyPr>
          <a:lstStyle>
            <a:lvl1pPr marL="0" indent="0" algn="l" defTabSz="914400" rtl="0" eaLnBrk="1" latinLnBrk="0" hangingPunct="1">
              <a:lnSpc>
                <a:spcPct val="110000"/>
              </a:lnSpc>
              <a:spcBef>
                <a:spcPts val="1000"/>
              </a:spcBef>
              <a:buClr>
                <a:schemeClr val="accent1"/>
              </a:buClr>
              <a:buFont typeface="Arial" panose="020B0604020202020204" pitchFamily="34" charset="0"/>
              <a:buNone/>
              <a:tabLst/>
              <a:defRPr sz="900" b="0" i="0" kern="800" spc="-40" baseline="0">
                <a:solidFill>
                  <a:schemeClr val="tx1"/>
                </a:solidFill>
                <a:latin typeface="+mj-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50"/>
              <a:t>Oppimistavoitteet</a:t>
            </a:r>
          </a:p>
        </p:txBody>
      </p:sp>
      <p:sp>
        <p:nvSpPr>
          <p:cNvPr id="48" name="Text Placeholder 5">
            <a:extLst>
              <a:ext uri="{FF2B5EF4-FFF2-40B4-BE49-F238E27FC236}">
                <a16:creationId xmlns:a16="http://schemas.microsoft.com/office/drawing/2014/main" id="{E6CED1DB-CCEF-C4CB-07E9-54D39123459A}"/>
              </a:ext>
            </a:extLst>
          </p:cNvPr>
          <p:cNvSpPr txBox="1">
            <a:spLocks/>
          </p:cNvSpPr>
          <p:nvPr/>
        </p:nvSpPr>
        <p:spPr>
          <a:xfrm>
            <a:off x="7943848" y="1851536"/>
            <a:ext cx="3959660" cy="533717"/>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spcBef>
                <a:spcPts val="1000"/>
              </a:spcBef>
              <a:buFont typeface="Wingdings" panose="05000000000000000000" pitchFamily="2" charset="2"/>
              <a:buChar char="ü"/>
            </a:pPr>
            <a:r>
              <a:rPr lang="fi-FI" sz="1000"/>
              <a:t>Varmistaa että lukija ymmärtää tekoälyn lukutaidon merkityksen itselleen</a:t>
            </a:r>
          </a:p>
        </p:txBody>
      </p:sp>
      <p:sp>
        <p:nvSpPr>
          <p:cNvPr id="32" name="Text Placeholder 31">
            <a:extLst>
              <a:ext uri="{FF2B5EF4-FFF2-40B4-BE49-F238E27FC236}">
                <a16:creationId xmlns:a16="http://schemas.microsoft.com/office/drawing/2014/main" id="{4AF3311A-D82C-0D2D-40DC-A8BD40496431}"/>
              </a:ext>
            </a:extLst>
          </p:cNvPr>
          <p:cNvSpPr>
            <a:spLocks noGrp="1"/>
          </p:cNvSpPr>
          <p:nvPr>
            <p:ph type="body" sz="quarter" idx="69"/>
          </p:nvPr>
        </p:nvSpPr>
        <p:spPr>
          <a:xfrm>
            <a:off x="670669" y="2433755"/>
            <a:ext cx="2024899" cy="614452"/>
          </a:xfrm>
          <a:solidFill>
            <a:schemeClr val="bg2"/>
          </a:solidFill>
        </p:spPr>
        <p:txBody>
          <a:bodyPr lIns="0"/>
          <a:lstStyle/>
          <a:p>
            <a:pPr marL="91440"/>
            <a:r>
              <a:rPr lang="fi-FI" sz="1050">
                <a:solidFill>
                  <a:schemeClr val="tx1"/>
                </a:solidFill>
                <a:latin typeface="+mj-lt"/>
              </a:rPr>
              <a:t>2. Tekoälyn perusteet</a:t>
            </a:r>
          </a:p>
        </p:txBody>
      </p:sp>
      <p:sp>
        <p:nvSpPr>
          <p:cNvPr id="18" name="Text Placeholder 17">
            <a:extLst>
              <a:ext uri="{FF2B5EF4-FFF2-40B4-BE49-F238E27FC236}">
                <a16:creationId xmlns:a16="http://schemas.microsoft.com/office/drawing/2014/main" id="{972209F9-F447-A35E-269A-B70F7BC6099B}"/>
              </a:ext>
            </a:extLst>
          </p:cNvPr>
          <p:cNvSpPr>
            <a:spLocks noGrp="1"/>
          </p:cNvSpPr>
          <p:nvPr>
            <p:ph type="body" sz="quarter" idx="55"/>
          </p:nvPr>
        </p:nvSpPr>
        <p:spPr>
          <a:xfrm>
            <a:off x="2743192" y="2433755"/>
            <a:ext cx="5153030" cy="614452"/>
          </a:xfrm>
        </p:spPr>
        <p:txBody>
          <a:bodyPr/>
          <a:lstStyle/>
          <a:p>
            <a:r>
              <a:rPr lang="fi-FI" sz="1000"/>
              <a:t>Mitä tekoäly on ja miten se toimii?</a:t>
            </a:r>
          </a:p>
          <a:p>
            <a:r>
              <a:rPr lang="fi-FI" sz="1000"/>
              <a:t>Mitä ominaisuuksia tekoälyn eri muodoilla on?</a:t>
            </a:r>
          </a:p>
          <a:p>
            <a:r>
              <a:rPr lang="fi-FI" sz="1000"/>
              <a:t>Mitä ovat kielimallit?</a:t>
            </a:r>
          </a:p>
          <a:p>
            <a:endParaRPr lang="fi-FI" sz="1000"/>
          </a:p>
        </p:txBody>
      </p:sp>
      <p:sp>
        <p:nvSpPr>
          <p:cNvPr id="49" name="Text Placeholder 5">
            <a:extLst>
              <a:ext uri="{FF2B5EF4-FFF2-40B4-BE49-F238E27FC236}">
                <a16:creationId xmlns:a16="http://schemas.microsoft.com/office/drawing/2014/main" id="{5EE16040-2C92-3397-FAE5-97C4CEFEAD54}"/>
              </a:ext>
            </a:extLst>
          </p:cNvPr>
          <p:cNvSpPr txBox="1">
            <a:spLocks/>
          </p:cNvSpPr>
          <p:nvPr/>
        </p:nvSpPr>
        <p:spPr>
          <a:xfrm>
            <a:off x="7943845" y="2428720"/>
            <a:ext cx="3959660" cy="621338"/>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spc="-40">
                <a:ea typeface="+mn-lt"/>
                <a:cs typeface="+mn-lt"/>
              </a:rPr>
              <a:t>Ymmärtää tekoälyn yleiset toimintaperiaatteet</a:t>
            </a:r>
            <a:endParaRPr lang="fi-FI" sz="1000"/>
          </a:p>
        </p:txBody>
      </p:sp>
      <p:sp>
        <p:nvSpPr>
          <p:cNvPr id="33" name="Text Placeholder 32">
            <a:extLst>
              <a:ext uri="{FF2B5EF4-FFF2-40B4-BE49-F238E27FC236}">
                <a16:creationId xmlns:a16="http://schemas.microsoft.com/office/drawing/2014/main" id="{3833B547-8C21-B202-E2B6-E1C2F8201104}"/>
              </a:ext>
            </a:extLst>
          </p:cNvPr>
          <p:cNvSpPr>
            <a:spLocks noGrp="1"/>
          </p:cNvSpPr>
          <p:nvPr>
            <p:ph type="body" sz="quarter" idx="70"/>
          </p:nvPr>
        </p:nvSpPr>
        <p:spPr>
          <a:xfrm>
            <a:off x="670669" y="3101516"/>
            <a:ext cx="2024895" cy="811363"/>
          </a:xfrm>
          <a:solidFill>
            <a:schemeClr val="bg2"/>
          </a:solidFill>
        </p:spPr>
        <p:txBody>
          <a:bodyPr lIns="0"/>
          <a:lstStyle/>
          <a:p>
            <a:pPr marL="91440"/>
            <a:r>
              <a:rPr lang="fi-FI" sz="1050">
                <a:solidFill>
                  <a:schemeClr val="tx1"/>
                </a:solidFill>
                <a:latin typeface="+mj-lt"/>
              </a:rPr>
              <a:t>3. Tekoälyn käyttökohteita</a:t>
            </a:r>
          </a:p>
        </p:txBody>
      </p:sp>
      <p:sp>
        <p:nvSpPr>
          <p:cNvPr id="14" name="Text Placeholder 13">
            <a:extLst>
              <a:ext uri="{FF2B5EF4-FFF2-40B4-BE49-F238E27FC236}">
                <a16:creationId xmlns:a16="http://schemas.microsoft.com/office/drawing/2014/main" id="{82658146-D9BF-144B-1782-22DDAAF392F8}"/>
              </a:ext>
            </a:extLst>
          </p:cNvPr>
          <p:cNvSpPr>
            <a:spLocks noGrp="1"/>
          </p:cNvSpPr>
          <p:nvPr>
            <p:ph type="body" sz="quarter" idx="51"/>
          </p:nvPr>
        </p:nvSpPr>
        <p:spPr>
          <a:xfrm>
            <a:off x="2743192" y="3113238"/>
            <a:ext cx="5153030" cy="820685"/>
          </a:xfrm>
        </p:spPr>
        <p:txBody>
          <a:bodyPr/>
          <a:lstStyle/>
          <a:p>
            <a:r>
              <a:rPr lang="fi-FI" sz="1000"/>
              <a:t>Missä ja mihin tekoälyä käytetään? </a:t>
            </a:r>
          </a:p>
          <a:p>
            <a:r>
              <a:rPr lang="fi-FI" sz="1000"/>
              <a:t>Miten tekoälyn käyttö kehittyy hyvinvointialueilla?</a:t>
            </a:r>
          </a:p>
          <a:p>
            <a:r>
              <a:rPr lang="fi-FI" sz="1000"/>
              <a:t>Millä tavoin tekoälyä voidaan hyödyntää hyvinvointialueilla?</a:t>
            </a:r>
          </a:p>
          <a:p>
            <a:r>
              <a:rPr lang="fi-FI" sz="1000"/>
              <a:t>Esimerkkejä tekoälyn käyttökohteista eri toimialoilla</a:t>
            </a:r>
          </a:p>
          <a:p>
            <a:pPr marL="0" indent="0">
              <a:buNone/>
            </a:pPr>
            <a:endParaRPr lang="fi-FI" sz="1000"/>
          </a:p>
          <a:p>
            <a:pPr marL="0" indent="0">
              <a:buNone/>
            </a:pPr>
            <a:endParaRPr lang="fi-FI" sz="1000"/>
          </a:p>
        </p:txBody>
      </p:sp>
      <p:sp>
        <p:nvSpPr>
          <p:cNvPr id="50" name="Text Placeholder 5">
            <a:extLst>
              <a:ext uri="{FF2B5EF4-FFF2-40B4-BE49-F238E27FC236}">
                <a16:creationId xmlns:a16="http://schemas.microsoft.com/office/drawing/2014/main" id="{4D3E9B41-3941-4651-EE62-9603710814BD}"/>
              </a:ext>
            </a:extLst>
          </p:cNvPr>
          <p:cNvSpPr txBox="1">
            <a:spLocks/>
          </p:cNvSpPr>
          <p:nvPr/>
        </p:nvSpPr>
        <p:spPr>
          <a:xfrm>
            <a:off x="7943845" y="3109742"/>
            <a:ext cx="3959660" cy="814425"/>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a:t>Ymmärtää missä ja mihin tekoälyä käytetään</a:t>
            </a:r>
          </a:p>
          <a:p>
            <a:pPr marL="171450" indent="-171450">
              <a:buFont typeface="Wingdings" panose="05000000000000000000" pitchFamily="2" charset="2"/>
              <a:buChar char="ü"/>
            </a:pPr>
            <a:r>
              <a:rPr lang="fi-FI" sz="1000"/>
              <a:t>Ymmärtää tekoälyn tyypillisiä sovelluskohteita hyvinvointialueiden toimialoilla</a:t>
            </a:r>
          </a:p>
          <a:p>
            <a:pPr marL="171450" indent="-171450">
              <a:buFont typeface="Wingdings" panose="05000000000000000000" pitchFamily="2" charset="2"/>
              <a:buChar char="ü"/>
            </a:pPr>
            <a:r>
              <a:rPr lang="fi-FI" sz="1000"/>
              <a:t>Tunnistaa tekoälyn käyttökohteita omalla toimialalla</a:t>
            </a:r>
          </a:p>
          <a:p>
            <a:endParaRPr lang="fi-FI" sz="1000"/>
          </a:p>
        </p:txBody>
      </p:sp>
      <p:sp>
        <p:nvSpPr>
          <p:cNvPr id="31" name="Text Placeholder 30">
            <a:extLst>
              <a:ext uri="{FF2B5EF4-FFF2-40B4-BE49-F238E27FC236}">
                <a16:creationId xmlns:a16="http://schemas.microsoft.com/office/drawing/2014/main" id="{00787A2B-B756-23F0-9275-CDBF0989A153}"/>
              </a:ext>
            </a:extLst>
          </p:cNvPr>
          <p:cNvSpPr>
            <a:spLocks noGrp="1"/>
          </p:cNvSpPr>
          <p:nvPr>
            <p:ph type="body" sz="quarter" idx="68"/>
          </p:nvPr>
        </p:nvSpPr>
        <p:spPr>
          <a:xfrm>
            <a:off x="670671" y="3974250"/>
            <a:ext cx="2024896" cy="1022791"/>
          </a:xfrm>
          <a:solidFill>
            <a:schemeClr val="bg2"/>
          </a:solidFill>
        </p:spPr>
        <p:txBody>
          <a:bodyPr lIns="0"/>
          <a:lstStyle/>
          <a:p>
            <a:pPr marL="91440"/>
            <a:r>
              <a:rPr lang="fi-FI" sz="1050">
                <a:solidFill>
                  <a:schemeClr val="tx1"/>
                </a:solidFill>
                <a:latin typeface="+mj-lt"/>
              </a:rPr>
              <a:t>4. Eettisiä näkökulmia</a:t>
            </a:r>
          </a:p>
        </p:txBody>
      </p:sp>
      <p:sp>
        <p:nvSpPr>
          <p:cNvPr id="22" name="Text Placeholder 21">
            <a:extLst>
              <a:ext uri="{FF2B5EF4-FFF2-40B4-BE49-F238E27FC236}">
                <a16:creationId xmlns:a16="http://schemas.microsoft.com/office/drawing/2014/main" id="{80B694CE-053D-0059-C5C8-F65024F265E8}"/>
              </a:ext>
            </a:extLst>
          </p:cNvPr>
          <p:cNvSpPr>
            <a:spLocks noGrp="1"/>
          </p:cNvSpPr>
          <p:nvPr>
            <p:ph type="body" sz="quarter" idx="59"/>
          </p:nvPr>
        </p:nvSpPr>
        <p:spPr>
          <a:xfrm>
            <a:off x="2743192" y="3985972"/>
            <a:ext cx="5153030" cy="1022793"/>
          </a:xfrm>
        </p:spPr>
        <p:txBody>
          <a:bodyPr/>
          <a:lstStyle/>
          <a:p>
            <a:r>
              <a:rPr lang="fi-FI" sz="1000"/>
              <a:t>Mitä eettisiä näkökulmia tekoälyn käytössä tulee huomioida? </a:t>
            </a:r>
          </a:p>
          <a:p>
            <a:r>
              <a:rPr lang="fi-FI" sz="1000"/>
              <a:t>Miten arvioida tekoälyn käytön vaikutuksia?</a:t>
            </a:r>
          </a:p>
          <a:p>
            <a:r>
              <a:rPr lang="fi-FI" sz="1000"/>
              <a:t>Millaisia vaikutuksia tekoälyllä voi olla yksilöön ja yhteiskuntaan?</a:t>
            </a:r>
          </a:p>
          <a:p>
            <a:r>
              <a:rPr lang="fi-FI" sz="1000"/>
              <a:t>Miten arvioida tekoälyn käytön eettisten periaatteiden toteutumista työssäsi?</a:t>
            </a:r>
          </a:p>
          <a:p>
            <a:r>
              <a:rPr lang="fi-FI" sz="1000"/>
              <a:t>Esimerkkejä tekoälyn eettisistä näkökulmista eri toimialoilla</a:t>
            </a:r>
          </a:p>
        </p:txBody>
      </p:sp>
      <p:sp>
        <p:nvSpPr>
          <p:cNvPr id="53" name="Text Placeholder 5">
            <a:extLst>
              <a:ext uri="{FF2B5EF4-FFF2-40B4-BE49-F238E27FC236}">
                <a16:creationId xmlns:a16="http://schemas.microsoft.com/office/drawing/2014/main" id="{54919FFE-287C-7777-2DC3-EAA3BDC5193D}"/>
              </a:ext>
            </a:extLst>
          </p:cNvPr>
          <p:cNvSpPr txBox="1">
            <a:spLocks/>
          </p:cNvSpPr>
          <p:nvPr/>
        </p:nvSpPr>
        <p:spPr>
          <a:xfrm>
            <a:off x="7943845" y="3974643"/>
            <a:ext cx="3959660" cy="1040895"/>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spc="-40">
                <a:ea typeface="+mn-lt"/>
                <a:cs typeface="+mn-lt"/>
              </a:rPr>
              <a:t>Ymmärtää </a:t>
            </a:r>
            <a:r>
              <a:rPr lang="fi-FI" sz="1000">
                <a:ea typeface="+mn-lt"/>
                <a:cs typeface="+mn-lt"/>
              </a:rPr>
              <a:t>tekoälyn käytön eettisiä periaatteita </a:t>
            </a:r>
          </a:p>
          <a:p>
            <a:pPr marL="171450" indent="-171450">
              <a:buFont typeface="Wingdings" panose="05000000000000000000" pitchFamily="2" charset="2"/>
              <a:buChar char="ü"/>
            </a:pPr>
            <a:r>
              <a:rPr lang="fi-FI" sz="1000" spc="-40">
                <a:ea typeface="+mn-lt"/>
                <a:cs typeface="+mn-lt"/>
              </a:rPr>
              <a:t>Ymmärtää millaisia vaikutuksia tekoälyn käytöllä voi olla</a:t>
            </a:r>
          </a:p>
          <a:p>
            <a:pPr marL="171450" indent="-171450">
              <a:buFont typeface="Wingdings" panose="05000000000000000000" pitchFamily="2" charset="2"/>
              <a:buChar char="ü"/>
            </a:pPr>
            <a:r>
              <a:rPr lang="fi-FI" sz="1000" spc="-40">
                <a:solidFill>
                  <a:schemeClr val="tx1"/>
                </a:solidFill>
                <a:ea typeface="+mn-lt"/>
                <a:cs typeface="+mn-lt"/>
              </a:rPr>
              <a:t>Oppia arvioimaan tekoälyn käyt</a:t>
            </a:r>
            <a:r>
              <a:rPr lang="fi-FI" sz="1000" spc="-40">
                <a:ea typeface="+mn-lt"/>
                <a:cs typeface="+mn-lt"/>
              </a:rPr>
              <a:t>ön eettisiä näkökulmia</a:t>
            </a:r>
            <a:r>
              <a:rPr lang="fi-FI" sz="1000" spc="-40">
                <a:solidFill>
                  <a:schemeClr val="tx1"/>
                </a:solidFill>
                <a:ea typeface="+mn-lt"/>
                <a:cs typeface="+mn-lt"/>
              </a:rPr>
              <a:t> omassa työssä</a:t>
            </a:r>
          </a:p>
          <a:p>
            <a:endParaRPr lang="fi-FI" sz="1000"/>
          </a:p>
          <a:p>
            <a:endParaRPr lang="fi-FI" sz="1000"/>
          </a:p>
        </p:txBody>
      </p:sp>
      <p:sp>
        <p:nvSpPr>
          <p:cNvPr id="30" name="Text Placeholder 29">
            <a:extLst>
              <a:ext uri="{FF2B5EF4-FFF2-40B4-BE49-F238E27FC236}">
                <a16:creationId xmlns:a16="http://schemas.microsoft.com/office/drawing/2014/main" id="{C088F8C2-47D4-8B5C-2E18-077BE42FCD3F}"/>
              </a:ext>
            </a:extLst>
          </p:cNvPr>
          <p:cNvSpPr>
            <a:spLocks noGrp="1"/>
          </p:cNvSpPr>
          <p:nvPr>
            <p:ph type="body" sz="quarter" idx="67"/>
          </p:nvPr>
        </p:nvSpPr>
        <p:spPr>
          <a:xfrm>
            <a:off x="670669" y="5058412"/>
            <a:ext cx="2024897" cy="811064"/>
          </a:xfrm>
          <a:solidFill>
            <a:schemeClr val="bg2"/>
          </a:solidFill>
        </p:spPr>
        <p:txBody>
          <a:bodyPr lIns="0"/>
          <a:lstStyle/>
          <a:p>
            <a:pPr marL="91440"/>
            <a:r>
              <a:rPr lang="fi-FI" sz="1050">
                <a:solidFill>
                  <a:schemeClr val="tx1"/>
                </a:solidFill>
                <a:latin typeface="+mj-lt"/>
              </a:rPr>
              <a:t>5. Tekoälyn sääntely</a:t>
            </a:r>
          </a:p>
        </p:txBody>
      </p:sp>
      <p:sp>
        <p:nvSpPr>
          <p:cNvPr id="26" name="Text Placeholder 25">
            <a:extLst>
              <a:ext uri="{FF2B5EF4-FFF2-40B4-BE49-F238E27FC236}">
                <a16:creationId xmlns:a16="http://schemas.microsoft.com/office/drawing/2014/main" id="{EC10F5CD-3B5D-DBB1-19FB-D41EB8A355EE}"/>
              </a:ext>
            </a:extLst>
          </p:cNvPr>
          <p:cNvSpPr>
            <a:spLocks noGrp="1"/>
          </p:cNvSpPr>
          <p:nvPr>
            <p:ph type="body" sz="quarter" idx="63"/>
          </p:nvPr>
        </p:nvSpPr>
        <p:spPr>
          <a:xfrm>
            <a:off x="2743191" y="5069439"/>
            <a:ext cx="5153030" cy="816041"/>
          </a:xfrm>
        </p:spPr>
        <p:txBody>
          <a:bodyPr/>
          <a:lstStyle/>
          <a:p>
            <a:r>
              <a:rPr lang="fi-FI" sz="1000"/>
              <a:t>Mitä tekoälyä koskevat säädökset määräävät? </a:t>
            </a:r>
          </a:p>
          <a:p>
            <a:r>
              <a:rPr lang="fi-FI" sz="1000"/>
              <a:t>Miten tekoälyjärjestelmien riskejä luokitellaan?</a:t>
            </a:r>
          </a:p>
          <a:p>
            <a:r>
              <a:rPr lang="fi-FI" sz="1000"/>
              <a:t>Miten sääntely ohjaa tekoälyn käyttöä hyvinvointialueilla?</a:t>
            </a:r>
          </a:p>
          <a:p>
            <a:r>
              <a:rPr lang="fi-FI" sz="1000"/>
              <a:t>Miten arvioida tekoälyn tuottamia tuloksia?</a:t>
            </a:r>
          </a:p>
          <a:p>
            <a:endParaRPr lang="fi-FI" sz="1000"/>
          </a:p>
          <a:p>
            <a:endParaRPr lang="fi-FI" sz="1000"/>
          </a:p>
        </p:txBody>
      </p:sp>
      <p:sp>
        <p:nvSpPr>
          <p:cNvPr id="52" name="Text Placeholder 5">
            <a:extLst>
              <a:ext uri="{FF2B5EF4-FFF2-40B4-BE49-F238E27FC236}">
                <a16:creationId xmlns:a16="http://schemas.microsoft.com/office/drawing/2014/main" id="{6CE41F86-3006-FFA3-8B71-90300F424F4D}"/>
              </a:ext>
            </a:extLst>
          </p:cNvPr>
          <p:cNvSpPr txBox="1">
            <a:spLocks/>
          </p:cNvSpPr>
          <p:nvPr/>
        </p:nvSpPr>
        <p:spPr>
          <a:xfrm>
            <a:off x="7943843" y="5064439"/>
            <a:ext cx="3959660" cy="816040"/>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a:ea typeface="+mn-lt"/>
                <a:cs typeface="+mn-lt"/>
              </a:rPr>
              <a:t>Ymmärtää mitä velvoitteita sääntely asettaa tekoälyn käytölle hyvinvointialueiden toimintakentässä</a:t>
            </a:r>
          </a:p>
          <a:p>
            <a:pPr marL="171450" indent="-171450">
              <a:buFont typeface="Wingdings" panose="05000000000000000000" pitchFamily="2" charset="2"/>
              <a:buChar char="ü"/>
            </a:pPr>
            <a:r>
              <a:rPr lang="fi-FI" sz="1000">
                <a:ea typeface="+mn-lt"/>
                <a:cs typeface="+mn-lt"/>
              </a:rPr>
              <a:t>Ymmärtää tekoälyn käyttöön liittyvät työntekijän vastuut</a:t>
            </a:r>
          </a:p>
          <a:p>
            <a:pPr marL="171450" indent="-171450">
              <a:buFont typeface="Wingdings" panose="05000000000000000000" pitchFamily="2" charset="2"/>
              <a:buChar char="ü"/>
            </a:pPr>
            <a:r>
              <a:rPr lang="fi-FI" sz="1000">
                <a:ea typeface="+mn-lt"/>
                <a:cs typeface="+mn-lt"/>
              </a:rPr>
              <a:t>Ymmärtää miten käyttää tekoälyä vastuullisesti omassa työssä</a:t>
            </a:r>
          </a:p>
        </p:txBody>
      </p:sp>
      <p:sp>
        <p:nvSpPr>
          <p:cNvPr id="36" name="Text Placeholder 30">
            <a:extLst>
              <a:ext uri="{FF2B5EF4-FFF2-40B4-BE49-F238E27FC236}">
                <a16:creationId xmlns:a16="http://schemas.microsoft.com/office/drawing/2014/main" id="{8D6C542D-2325-3457-60E0-DE557EE6DD98}"/>
              </a:ext>
            </a:extLst>
          </p:cNvPr>
          <p:cNvSpPr txBox="1">
            <a:spLocks/>
          </p:cNvSpPr>
          <p:nvPr/>
        </p:nvSpPr>
        <p:spPr>
          <a:xfrm>
            <a:off x="670671" y="5934112"/>
            <a:ext cx="2024898" cy="518570"/>
          </a:xfrm>
          <a:prstGeom prst="rect">
            <a:avLst/>
          </a:prstGeom>
          <a:solidFill>
            <a:schemeClr val="bg2"/>
          </a:solidFill>
        </p:spPr>
        <p:txBody>
          <a:bodyPr vert="horz" lIns="0" tIns="72000" rIns="0" bIns="0" rtlCol="0" anchor="t">
            <a:noAutofit/>
          </a:bodyPr>
          <a:lstStyle>
            <a:lvl1pPr marL="0" indent="0" algn="l" defTabSz="914400" rtl="0" eaLnBrk="1" latinLnBrk="0" hangingPunct="1">
              <a:lnSpc>
                <a:spcPct val="90000"/>
              </a:lnSpc>
              <a:spcBef>
                <a:spcPts val="0"/>
              </a:spcBef>
              <a:buClr>
                <a:schemeClr val="accent1"/>
              </a:buClr>
              <a:buFont typeface="Arial" panose="020B0604020202020204" pitchFamily="34" charset="0"/>
              <a:buNone/>
              <a:tabLst/>
              <a:defRPr sz="800" b="0" i="0" kern="800" spc="-40" baseline="0">
                <a:solidFill>
                  <a:schemeClr val="tx2"/>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91440"/>
            <a:r>
              <a:rPr lang="fi-FI" sz="1050">
                <a:solidFill>
                  <a:schemeClr val="tx1"/>
                </a:solidFill>
                <a:latin typeface="+mj-lt"/>
              </a:rPr>
              <a:t>6. Tarkistuskysymykset ja vastaukset</a:t>
            </a:r>
          </a:p>
        </p:txBody>
      </p:sp>
      <p:sp>
        <p:nvSpPr>
          <p:cNvPr id="39" name="Text Placeholder 21">
            <a:extLst>
              <a:ext uri="{FF2B5EF4-FFF2-40B4-BE49-F238E27FC236}">
                <a16:creationId xmlns:a16="http://schemas.microsoft.com/office/drawing/2014/main" id="{81C8DE7B-CACE-A8D7-955A-7EE41DAB5884}"/>
              </a:ext>
            </a:extLst>
          </p:cNvPr>
          <p:cNvSpPr txBox="1">
            <a:spLocks/>
          </p:cNvSpPr>
          <p:nvPr/>
        </p:nvSpPr>
        <p:spPr>
          <a:xfrm>
            <a:off x="2743191" y="5934111"/>
            <a:ext cx="5153030" cy="518570"/>
          </a:xfrm>
          <a:prstGeom prst="rect">
            <a:avLst/>
          </a:prstGeom>
          <a:solidFill>
            <a:srgbClr val="F0F5F5"/>
          </a:solidFill>
        </p:spPr>
        <p:txBody>
          <a:bodyPr vert="horz" lIns="72000" tIns="72000" rIns="72000" bIns="72000" rtlCol="0" anchor="t">
            <a:noAutofit/>
          </a:bodyPr>
          <a:lstStyle>
            <a:lvl1pPr marL="88900" indent="-88900" algn="l" defTabSz="914400" rtl="0" eaLnBrk="1" latinLnBrk="0" hangingPunct="1">
              <a:lnSpc>
                <a:spcPct val="90000"/>
              </a:lnSpc>
              <a:spcBef>
                <a:spcPts val="0"/>
              </a:spcBef>
              <a:spcAft>
                <a:spcPts val="400"/>
              </a:spcAft>
              <a:buClr>
                <a:schemeClr val="accent1"/>
              </a:buClr>
              <a:buFont typeface="Arial" panose="020B0604020202020204" pitchFamily="34" charset="0"/>
              <a:buChar char="•"/>
              <a:tabLst/>
              <a:defRPr sz="1100" b="0" i="0" kern="800" spc="-40" baseline="0">
                <a:solidFill>
                  <a:schemeClr val="tx1"/>
                </a:solidFill>
                <a:latin typeface="+mn-lt"/>
                <a:ea typeface="+mn-ea"/>
                <a:cs typeface="+mn-cs"/>
              </a:defRPr>
            </a:lvl1pPr>
            <a:lvl2pPr marL="225425" indent="-88900" algn="l" defTabSz="914400" rtl="0" eaLnBrk="1" latinLnBrk="0" hangingPunct="1">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00"/>
              <a:t>Tarkistuskysymykset ja mallivastaukset</a:t>
            </a:r>
          </a:p>
        </p:txBody>
      </p:sp>
      <p:sp>
        <p:nvSpPr>
          <p:cNvPr id="54" name="Text Placeholder 5">
            <a:extLst>
              <a:ext uri="{FF2B5EF4-FFF2-40B4-BE49-F238E27FC236}">
                <a16:creationId xmlns:a16="http://schemas.microsoft.com/office/drawing/2014/main" id="{89FD8FFB-717F-6703-B1DF-148483C92AA8}"/>
              </a:ext>
            </a:extLst>
          </p:cNvPr>
          <p:cNvSpPr txBox="1">
            <a:spLocks/>
          </p:cNvSpPr>
          <p:nvPr/>
        </p:nvSpPr>
        <p:spPr>
          <a:xfrm>
            <a:off x="7943842" y="5934117"/>
            <a:ext cx="3959661" cy="513942"/>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a:t>Varmistaa ymmärryksesi tekoälyn lukutaidon merkityksestä ja tekoälyn lukutaidon perusteista</a:t>
            </a:r>
          </a:p>
        </p:txBody>
      </p:sp>
    </p:spTree>
    <p:extLst>
      <p:ext uri="{BB962C8B-B14F-4D97-AF65-F5344CB8AC3E}">
        <p14:creationId xmlns:p14="http://schemas.microsoft.com/office/powerpoint/2010/main" val="190172087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8CE1C629-0EE4-40C0-57E3-633036F143D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9D49D32-10E4-C368-A6CC-5E05B1679811}"/>
              </a:ext>
            </a:extLst>
          </p:cNvPr>
          <p:cNvSpPr>
            <a:spLocks noGrp="1"/>
          </p:cNvSpPr>
          <p:nvPr>
            <p:ph type="title"/>
          </p:nvPr>
        </p:nvSpPr>
        <p:spPr/>
        <p:txBody>
          <a:bodyPr/>
          <a:lstStyle/>
          <a:p>
            <a:r>
              <a:rPr lang="fi-FI"/>
              <a:t>Esimerkkejä tekoälyn eettisistä näkökulmista pelastustoimessa</a:t>
            </a:r>
          </a:p>
        </p:txBody>
      </p:sp>
      <p:sp>
        <p:nvSpPr>
          <p:cNvPr id="3" name="Text Placeholder 2">
            <a:extLst>
              <a:ext uri="{FF2B5EF4-FFF2-40B4-BE49-F238E27FC236}">
                <a16:creationId xmlns:a16="http://schemas.microsoft.com/office/drawing/2014/main" id="{3CD745A3-BA21-E8C6-C64C-DE44C6BE0E56}"/>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6D798118-D820-6E1B-9D26-3A381806620B}"/>
              </a:ext>
            </a:extLst>
          </p:cNvPr>
          <p:cNvSpPr>
            <a:spLocks noGrp="1"/>
          </p:cNvSpPr>
          <p:nvPr>
            <p:ph type="sldNum" sz="quarter" idx="16"/>
          </p:nvPr>
        </p:nvSpPr>
        <p:spPr/>
        <p:txBody>
          <a:bodyPr/>
          <a:lstStyle/>
          <a:p>
            <a:fld id="{B64FCF4A-2F3F-4397-9C44-D2344643394B}" type="slidenum">
              <a:rPr lang="fi-FI" smtClean="0"/>
              <a:pPr/>
              <a:t>30</a:t>
            </a:fld>
            <a:endParaRPr lang="fi-FI"/>
          </a:p>
        </p:txBody>
      </p:sp>
      <p:sp>
        <p:nvSpPr>
          <p:cNvPr id="12" name="Round Same Side Corner Rectangle 11">
            <a:extLst>
              <a:ext uri="{FF2B5EF4-FFF2-40B4-BE49-F238E27FC236}">
                <a16:creationId xmlns:a16="http://schemas.microsoft.com/office/drawing/2014/main" id="{E6DB258B-BCB3-8F13-A702-47C0549958F4}"/>
              </a:ext>
            </a:extLst>
          </p:cNvPr>
          <p:cNvSpPr/>
          <p:nvPr/>
        </p:nvSpPr>
        <p:spPr>
          <a:xfrm>
            <a:off x="7896226" y="0"/>
            <a:ext cx="3600449" cy="324100"/>
          </a:xfrm>
          <a:prstGeom prst="round2SameRect">
            <a:avLst>
              <a:gd name="adj1" fmla="val 0"/>
              <a:gd name="adj2" fmla="val 50000"/>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Pelastustoimi</a:t>
            </a:r>
          </a:p>
        </p:txBody>
      </p:sp>
      <p:sp>
        <p:nvSpPr>
          <p:cNvPr id="8" name="Content Placeholder 7">
            <a:extLst>
              <a:ext uri="{FF2B5EF4-FFF2-40B4-BE49-F238E27FC236}">
                <a16:creationId xmlns:a16="http://schemas.microsoft.com/office/drawing/2014/main" id="{E811BDCB-91BE-9DFE-1760-AE930672781D}"/>
              </a:ext>
            </a:extLst>
          </p:cNvPr>
          <p:cNvSpPr>
            <a:spLocks noGrp="1"/>
          </p:cNvSpPr>
          <p:nvPr>
            <p:ph sz="quarter" idx="17"/>
          </p:nvPr>
        </p:nvSpPr>
        <p:spPr>
          <a:xfrm>
            <a:off x="695326" y="1912346"/>
            <a:ext cx="7180582" cy="575534"/>
          </a:xfrm>
        </p:spPr>
        <p:txBody>
          <a:bodyPr/>
          <a:lstStyle/>
          <a:p>
            <a:r>
              <a:rPr lang="fi-FI"/>
              <a:t>Pelastustoimen tulee turvata kaikkien kansalaisten yhdenvertainen kohtelu ja turvallisuus. Tekoälyn myötä nämä teemat korostuvat.</a:t>
            </a:r>
          </a:p>
        </p:txBody>
      </p:sp>
      <p:sp>
        <p:nvSpPr>
          <p:cNvPr id="7" name="Content Placeholder 6">
            <a:extLst>
              <a:ext uri="{FF2B5EF4-FFF2-40B4-BE49-F238E27FC236}">
                <a16:creationId xmlns:a16="http://schemas.microsoft.com/office/drawing/2014/main" id="{C5FFA609-2BD5-0D94-34B6-03DC464167F9}"/>
              </a:ext>
            </a:extLst>
          </p:cNvPr>
          <p:cNvSpPr>
            <a:spLocks noGrp="1"/>
          </p:cNvSpPr>
          <p:nvPr>
            <p:ph sz="quarter" idx="10"/>
          </p:nvPr>
        </p:nvSpPr>
        <p:spPr>
          <a:xfrm>
            <a:off x="695323" y="2669276"/>
            <a:ext cx="5078942" cy="3991822"/>
          </a:xfrm>
        </p:spPr>
        <p:txBody>
          <a:bodyPr/>
          <a:lstStyle/>
          <a:p>
            <a:r>
              <a:rPr lang="fi-FI">
                <a:solidFill>
                  <a:schemeClr val="tx1"/>
                </a:solidFill>
              </a:rPr>
              <a:t>Resurssien jakaminen</a:t>
            </a:r>
          </a:p>
          <a:p>
            <a:pPr lvl="1"/>
            <a:r>
              <a:rPr lang="fi-FI">
                <a:solidFill>
                  <a:schemeClr val="tx1"/>
                </a:solidFill>
              </a:rPr>
              <a:t>Tekoäly voi auttaa resurssien kohdentamisessa, kuten palokuntien ja ensihoidon reitityksessä. Eettisesti on varmistettava, että tekoäly ei syrji syrjäseutuja tai vähemmistöjä.</a:t>
            </a:r>
          </a:p>
          <a:p>
            <a:r>
              <a:rPr lang="fi-FI">
                <a:solidFill>
                  <a:schemeClr val="tx1"/>
                </a:solidFill>
              </a:rPr>
              <a:t>Riskien arviointi</a:t>
            </a:r>
          </a:p>
          <a:p>
            <a:pPr lvl="1"/>
            <a:r>
              <a:rPr lang="fi-FI">
                <a:solidFill>
                  <a:schemeClr val="tx1"/>
                </a:solidFill>
              </a:rPr>
              <a:t> Tekoäly analysoi sää- ja maantiededataa, ennustaen tulipaloja tai tulvia. Tärkeää on varmistaa, että ennusteet perustuvat läpinäkyviin ja perusteltuihin parametreihin.</a:t>
            </a:r>
          </a:p>
        </p:txBody>
      </p:sp>
      <p:sp>
        <p:nvSpPr>
          <p:cNvPr id="9" name="Content Placeholder 8">
            <a:extLst>
              <a:ext uri="{FF2B5EF4-FFF2-40B4-BE49-F238E27FC236}">
                <a16:creationId xmlns:a16="http://schemas.microsoft.com/office/drawing/2014/main" id="{AF9494C2-3DFE-FF7E-2B63-5D8F16E51B02}"/>
              </a:ext>
            </a:extLst>
          </p:cNvPr>
          <p:cNvSpPr>
            <a:spLocks noGrp="1"/>
          </p:cNvSpPr>
          <p:nvPr>
            <p:ph sz="quarter" idx="18"/>
          </p:nvPr>
        </p:nvSpPr>
        <p:spPr>
          <a:xfrm>
            <a:off x="6417733" y="2669276"/>
            <a:ext cx="5078942" cy="3991822"/>
          </a:xfrm>
        </p:spPr>
        <p:txBody>
          <a:bodyPr/>
          <a:lstStyle/>
          <a:p>
            <a:r>
              <a:rPr lang="fi-FI">
                <a:solidFill>
                  <a:schemeClr val="tx1"/>
                </a:solidFill>
              </a:rPr>
              <a:t>Hätäviestintä</a:t>
            </a:r>
          </a:p>
          <a:p>
            <a:pPr lvl="1"/>
            <a:r>
              <a:rPr lang="fi-FI">
                <a:solidFill>
                  <a:schemeClr val="tx1"/>
                </a:solidFill>
              </a:rPr>
              <a:t>Tekoäly voi suodattaa ja analysoida kansalaisilta saapuvia hätäpuheluja. Eettisesti pitää huomioida yksityisyyden suoja ja datan turvallinen käsittely.</a:t>
            </a:r>
          </a:p>
          <a:p>
            <a:r>
              <a:rPr lang="fi-FI">
                <a:solidFill>
                  <a:schemeClr val="tx1"/>
                </a:solidFill>
              </a:rPr>
              <a:t>Koulutus ja simulointi</a:t>
            </a:r>
          </a:p>
          <a:p>
            <a:pPr lvl="1"/>
            <a:r>
              <a:rPr lang="fi-FI">
                <a:solidFill>
                  <a:schemeClr val="tx1"/>
                </a:solidFill>
              </a:rPr>
              <a:t>Tekoäly voi luoda realistisia harjoituksia pelastushenkilöstölle. Harjoitusten suunnittelussa tulee varmistaa, että skenaariot eivät vahvista stereotyyppistä päätöksentekoa tai huononna moraalia.</a:t>
            </a:r>
          </a:p>
        </p:txBody>
      </p:sp>
    </p:spTree>
    <p:extLst>
      <p:ext uri="{BB962C8B-B14F-4D97-AF65-F5344CB8AC3E}">
        <p14:creationId xmlns:p14="http://schemas.microsoft.com/office/powerpoint/2010/main" val="292148071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1F63444B-3E0B-3C41-DF0B-DD266170FE6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21A2EFE-955E-7A88-EC8B-50A2384CE96A}"/>
              </a:ext>
            </a:extLst>
          </p:cNvPr>
          <p:cNvSpPr>
            <a:spLocks noGrp="1"/>
          </p:cNvSpPr>
          <p:nvPr>
            <p:ph type="title"/>
          </p:nvPr>
        </p:nvSpPr>
        <p:spPr/>
        <p:txBody>
          <a:bodyPr/>
          <a:lstStyle/>
          <a:p>
            <a:r>
              <a:rPr lang="fi-FI"/>
              <a:t>Esimerkkejä tekoälyn eettisistä näkökulmista SOTEPE-hallinnossa</a:t>
            </a:r>
          </a:p>
        </p:txBody>
      </p:sp>
      <p:sp>
        <p:nvSpPr>
          <p:cNvPr id="3" name="Text Placeholder 2">
            <a:extLst>
              <a:ext uri="{FF2B5EF4-FFF2-40B4-BE49-F238E27FC236}">
                <a16:creationId xmlns:a16="http://schemas.microsoft.com/office/drawing/2014/main" id="{4771F199-3BB8-29FC-A2E2-68E5D30D98D5}"/>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642B01F3-A59E-88E0-2BCA-4AEE89FB8EB9}"/>
              </a:ext>
            </a:extLst>
          </p:cNvPr>
          <p:cNvSpPr>
            <a:spLocks noGrp="1"/>
          </p:cNvSpPr>
          <p:nvPr>
            <p:ph type="sldNum" sz="quarter" idx="16"/>
          </p:nvPr>
        </p:nvSpPr>
        <p:spPr/>
        <p:txBody>
          <a:bodyPr/>
          <a:lstStyle/>
          <a:p>
            <a:fld id="{B64FCF4A-2F3F-4397-9C44-D2344643394B}" type="slidenum">
              <a:rPr lang="fi-FI" smtClean="0"/>
              <a:pPr/>
              <a:t>31</a:t>
            </a:fld>
            <a:endParaRPr lang="fi-FI"/>
          </a:p>
        </p:txBody>
      </p:sp>
      <p:sp>
        <p:nvSpPr>
          <p:cNvPr id="10" name="Round Same Side Corner Rectangle 9">
            <a:extLst>
              <a:ext uri="{FF2B5EF4-FFF2-40B4-BE49-F238E27FC236}">
                <a16:creationId xmlns:a16="http://schemas.microsoft.com/office/drawing/2014/main" id="{28560AFC-D402-4714-75DF-3E3442AF9772}"/>
              </a:ext>
            </a:extLst>
          </p:cNvPr>
          <p:cNvSpPr/>
          <p:nvPr/>
        </p:nvSpPr>
        <p:spPr>
          <a:xfrm>
            <a:off x="7896226" y="0"/>
            <a:ext cx="3600449" cy="324100"/>
          </a:xfrm>
          <a:prstGeom prst="round2SameRect">
            <a:avLst>
              <a:gd name="adj1" fmla="val 0"/>
              <a:gd name="adj2" fmla="val 50000"/>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Hallinto</a:t>
            </a:r>
          </a:p>
        </p:txBody>
      </p:sp>
      <p:sp>
        <p:nvSpPr>
          <p:cNvPr id="8" name="Content Placeholder 7">
            <a:extLst>
              <a:ext uri="{FF2B5EF4-FFF2-40B4-BE49-F238E27FC236}">
                <a16:creationId xmlns:a16="http://schemas.microsoft.com/office/drawing/2014/main" id="{8287BC94-48D9-E4B2-F2DD-A73E85802F5F}"/>
              </a:ext>
            </a:extLst>
          </p:cNvPr>
          <p:cNvSpPr>
            <a:spLocks noGrp="1"/>
          </p:cNvSpPr>
          <p:nvPr>
            <p:ph sz="quarter" idx="17"/>
          </p:nvPr>
        </p:nvSpPr>
        <p:spPr>
          <a:xfrm>
            <a:off x="695326" y="1768923"/>
            <a:ext cx="7180582" cy="575534"/>
          </a:xfrm>
        </p:spPr>
        <p:txBody>
          <a:bodyPr/>
          <a:lstStyle/>
          <a:p>
            <a:r>
              <a:rPr lang="fi-FI"/>
              <a:t>Hallinnollisissa tehtävissä on tärkeä tunnistaa, miten päätökset ja tukitoiminnot vaikuttavat yksilön ja yhteisön tasavertaiseen kohteluun.</a:t>
            </a:r>
          </a:p>
        </p:txBody>
      </p:sp>
      <p:sp>
        <p:nvSpPr>
          <p:cNvPr id="7" name="Content Placeholder 6">
            <a:extLst>
              <a:ext uri="{FF2B5EF4-FFF2-40B4-BE49-F238E27FC236}">
                <a16:creationId xmlns:a16="http://schemas.microsoft.com/office/drawing/2014/main" id="{9080EF07-020B-BE1A-CDA2-AD32F1528564}"/>
              </a:ext>
            </a:extLst>
          </p:cNvPr>
          <p:cNvSpPr>
            <a:spLocks noGrp="1"/>
          </p:cNvSpPr>
          <p:nvPr>
            <p:ph sz="quarter" idx="10"/>
          </p:nvPr>
        </p:nvSpPr>
        <p:spPr>
          <a:xfrm>
            <a:off x="695326" y="2561423"/>
            <a:ext cx="5078942" cy="3991822"/>
          </a:xfrm>
        </p:spPr>
        <p:txBody>
          <a:bodyPr/>
          <a:lstStyle/>
          <a:p>
            <a:r>
              <a:rPr lang="fi-FI">
                <a:solidFill>
                  <a:schemeClr val="tx1"/>
                </a:solidFill>
              </a:rPr>
              <a:t>Resurssien hallinta</a:t>
            </a:r>
          </a:p>
          <a:p>
            <a:pPr lvl="1"/>
            <a:r>
              <a:rPr lang="fi-FI">
                <a:solidFill>
                  <a:schemeClr val="tx1"/>
                </a:solidFill>
              </a:rPr>
              <a:t>Tekoäly voi optimoida työntekijöiden työvuorosuunnittelua ja resurssien kohdentamista. Eettisesti on tärkeää varmistaa, että päätökset ovat reiluja eivätkä aiheuta kohtuuttomia rasitteita tietyille työntekijäryhmille.</a:t>
            </a:r>
          </a:p>
          <a:p>
            <a:r>
              <a:rPr lang="fi-FI">
                <a:solidFill>
                  <a:schemeClr val="tx1"/>
                </a:solidFill>
              </a:rPr>
              <a:t>Datan analysointi</a:t>
            </a:r>
          </a:p>
          <a:p>
            <a:pPr lvl="1"/>
            <a:r>
              <a:rPr lang="fi-FI">
                <a:solidFill>
                  <a:schemeClr val="tx1"/>
                </a:solidFill>
              </a:rPr>
              <a:t>Tekoäly voi analysoida potilasdataa tunnistaakseen trendejä ja tukitarpeita. On varmistettava, että tietosuoja ja yksityisyys säilyvät, eikä tekoälyn käyttö johda syrjiviin päätöksiin.</a:t>
            </a:r>
          </a:p>
        </p:txBody>
      </p:sp>
      <p:sp>
        <p:nvSpPr>
          <p:cNvPr id="9" name="Content Placeholder 8">
            <a:extLst>
              <a:ext uri="{FF2B5EF4-FFF2-40B4-BE49-F238E27FC236}">
                <a16:creationId xmlns:a16="http://schemas.microsoft.com/office/drawing/2014/main" id="{9D34DCEF-FD44-9659-4304-42925C4DA502}"/>
              </a:ext>
            </a:extLst>
          </p:cNvPr>
          <p:cNvSpPr>
            <a:spLocks noGrp="1"/>
          </p:cNvSpPr>
          <p:nvPr>
            <p:ph sz="quarter" idx="18"/>
          </p:nvPr>
        </p:nvSpPr>
        <p:spPr>
          <a:xfrm>
            <a:off x="6417736" y="2561423"/>
            <a:ext cx="5078942" cy="3991822"/>
          </a:xfrm>
        </p:spPr>
        <p:txBody>
          <a:bodyPr/>
          <a:lstStyle/>
          <a:p>
            <a:r>
              <a:rPr lang="fi-FI">
                <a:solidFill>
                  <a:schemeClr val="tx1"/>
                </a:solidFill>
              </a:rPr>
              <a:t>Päätöksenteon tuki</a:t>
            </a:r>
          </a:p>
          <a:p>
            <a:pPr lvl="1"/>
            <a:r>
              <a:rPr lang="fi-FI">
                <a:solidFill>
                  <a:schemeClr val="tx1"/>
                </a:solidFill>
              </a:rPr>
              <a:t>Tekoäly voi auttaa budjetoinnissa ja resurssien jakamisessa perustuen sairaanhoitopiirien tarpeisiin. On tärkeää varmistaa, että laskentamallit ovat läpinäkyviä ja oikeudenmukaisia.</a:t>
            </a:r>
          </a:p>
          <a:p>
            <a:r>
              <a:rPr lang="fi-FI">
                <a:solidFill>
                  <a:schemeClr val="tx1"/>
                </a:solidFill>
              </a:rPr>
              <a:t>Rekrytoinnin tukeminen</a:t>
            </a:r>
          </a:p>
          <a:p>
            <a:pPr lvl="1"/>
            <a:r>
              <a:rPr lang="fi-FI">
                <a:solidFill>
                  <a:schemeClr val="tx1"/>
                </a:solidFill>
              </a:rPr>
              <a:t>Tekoäly voi priorisoida hakemuksia soveltuvuuden perusteella. On huolehdittava, ettei järjestelmä vahvista ennakkoluuloja tai syrji tiettyjä hakijaryhmiä.</a:t>
            </a:r>
          </a:p>
        </p:txBody>
      </p:sp>
    </p:spTree>
    <p:extLst>
      <p:ext uri="{BB962C8B-B14F-4D97-AF65-F5344CB8AC3E}">
        <p14:creationId xmlns:p14="http://schemas.microsoft.com/office/powerpoint/2010/main" val="23005373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824764-44CF-F231-EFB7-571E4B097BF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08129F5-FB8F-9624-ABE7-5F1A14506CF2}"/>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26C5C61F-FEF3-2B30-CA9D-77389C03A12E}"/>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2BC1145B-7C61-3C8F-419F-38DCBD172427}"/>
              </a:ext>
            </a:extLst>
          </p:cNvPr>
          <p:cNvSpPr>
            <a:spLocks noGrp="1"/>
          </p:cNvSpPr>
          <p:nvPr>
            <p:ph type="sldNum" sz="quarter" idx="15"/>
          </p:nvPr>
        </p:nvSpPr>
        <p:spPr/>
        <p:txBody>
          <a:bodyPr/>
          <a:lstStyle/>
          <a:p>
            <a:fld id="{B64FCF4A-2F3F-4397-9C44-D2344643394B}" type="slidenum">
              <a:rPr lang="fi-FI" smtClean="0"/>
              <a:pPr/>
              <a:t>32</a:t>
            </a:fld>
            <a:endParaRPr lang="fi-FI"/>
          </a:p>
        </p:txBody>
      </p:sp>
      <p:sp>
        <p:nvSpPr>
          <p:cNvPr id="17" name="Content Placeholder 16">
            <a:extLst>
              <a:ext uri="{FF2B5EF4-FFF2-40B4-BE49-F238E27FC236}">
                <a16:creationId xmlns:a16="http://schemas.microsoft.com/office/drawing/2014/main" id="{8C571B7D-9F51-9B2A-31D5-D0E00C934A8B}"/>
              </a:ext>
            </a:extLst>
          </p:cNvPr>
          <p:cNvSpPr>
            <a:spLocks noGrp="1"/>
          </p:cNvSpPr>
          <p:nvPr>
            <p:ph sz="quarter" idx="10"/>
          </p:nvPr>
        </p:nvSpPr>
        <p:spPr/>
        <p:txBody>
          <a:bodyPr/>
          <a:lstStyle/>
          <a:p>
            <a:r>
              <a:rPr lang="fi-FI"/>
              <a:t>Eettisten periaatteiden huomioiminen on tekoälyjärjestelmien kehittämisen ja käytön kulmakivi.</a:t>
            </a:r>
          </a:p>
          <a:p>
            <a:r>
              <a:rPr lang="fi-FI"/>
              <a:t>EU:n asettamat luotettavaa tekoälyä koskevat eettiset ohjeet tulee ottaa huomioon tekoälyä käytettäessä.</a:t>
            </a:r>
          </a:p>
          <a:p>
            <a:r>
              <a:rPr lang="fi-FI"/>
              <a:t>Ihmisen tulee aina arvioida tekoälyn tarjoamia suosituksia – ei hyväksyä näitä suoraan.</a:t>
            </a:r>
          </a:p>
        </p:txBody>
      </p:sp>
      <p:sp>
        <p:nvSpPr>
          <p:cNvPr id="29" name="Graphic 44">
            <a:extLst>
              <a:ext uri="{FF2B5EF4-FFF2-40B4-BE49-F238E27FC236}">
                <a16:creationId xmlns:a16="http://schemas.microsoft.com/office/drawing/2014/main" id="{F54255AA-A035-DC98-2D34-DBB00BFF4E25}"/>
              </a:ext>
            </a:extLst>
          </p:cNvPr>
          <p:cNvSpPr txBox="1">
            <a:spLocks/>
          </p:cNvSpPr>
          <p:nvPr/>
        </p:nvSpPr>
        <p:spPr>
          <a:xfrm>
            <a:off x="7483831" y="993386"/>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EETTINEN TEKOÄLYN KÄYTTÖ</a:t>
            </a:r>
          </a:p>
          <a:p>
            <a:r>
              <a:rPr lang="fi-FI" sz="1200" spc="-40">
                <a:solidFill>
                  <a:schemeClr val="tx1"/>
                </a:solidFill>
              </a:rPr>
              <a:t>T</a:t>
            </a:r>
            <a:r>
              <a:rPr lang="fi-FI" sz="1200" kern="1000" cap="none" spc="-40">
                <a:solidFill>
                  <a:schemeClr val="tx1"/>
                </a:solidFill>
              </a:rPr>
              <a:t>ekoälyn käyttöä noudattaen eettisiä periaatteita ja arvoja huomioiden ihmisoikeudet, yksityisyys-, turvallisuus- ja oikeudenmukaisuus periaatteet.</a:t>
            </a:r>
            <a:endParaRPr lang="fi-FI" sz="1200" spc="-30">
              <a:solidFill>
                <a:schemeClr val="tx1"/>
              </a:solidFill>
            </a:endParaRPr>
          </a:p>
        </p:txBody>
      </p:sp>
      <p:sp>
        <p:nvSpPr>
          <p:cNvPr id="3" name="Graphic 44">
            <a:extLst>
              <a:ext uri="{FF2B5EF4-FFF2-40B4-BE49-F238E27FC236}">
                <a16:creationId xmlns:a16="http://schemas.microsoft.com/office/drawing/2014/main" id="{2464F4B5-0ADF-7B71-DC13-D00FF886B433}"/>
              </a:ext>
            </a:extLst>
          </p:cNvPr>
          <p:cNvSpPr txBox="1">
            <a:spLocks/>
          </p:cNvSpPr>
          <p:nvPr/>
        </p:nvSpPr>
        <p:spPr>
          <a:xfrm>
            <a:off x="7483831" y="2269067"/>
            <a:ext cx="3682178" cy="1275682"/>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EU:N ”LUOTETTAVAA TEKOÄLYÄ KOSKEVAT EETTISET OHJEET”</a:t>
            </a:r>
          </a:p>
          <a:p>
            <a:r>
              <a:rPr lang="fi-FI" sz="1200" spc="-30" noProof="0">
                <a:solidFill>
                  <a:schemeClr val="tx1"/>
                </a:solidFill>
              </a:rPr>
              <a:t>EU:n tekoälyä käsittelevä korkean tason asiantuntijaryhmän listaamat eettisen tekoälyn käytön periaatteet. </a:t>
            </a:r>
            <a:r>
              <a:rPr lang="fi-FI" sz="1200" spc="-30">
                <a:solidFill>
                  <a:schemeClr val="tx1"/>
                </a:solidFill>
                <a:hlinkClick r:id="rId3"/>
              </a:rPr>
              <a:t>Linkki ohjeisiin.</a:t>
            </a:r>
            <a:endParaRPr lang="fi-FI" sz="1200" spc="-30" noProof="0">
              <a:solidFill>
                <a:schemeClr val="tx1"/>
              </a:solidFill>
            </a:endParaRPr>
          </a:p>
        </p:txBody>
      </p:sp>
      <p:sp>
        <p:nvSpPr>
          <p:cNvPr id="4" name="Graphic 44">
            <a:extLst>
              <a:ext uri="{FF2B5EF4-FFF2-40B4-BE49-F238E27FC236}">
                <a16:creationId xmlns:a16="http://schemas.microsoft.com/office/drawing/2014/main" id="{6B1EC312-56A9-7173-F52B-42F9A0452D76}"/>
              </a:ext>
            </a:extLst>
          </p:cNvPr>
          <p:cNvSpPr txBox="1">
            <a:spLocks/>
          </p:cNvSpPr>
          <p:nvPr/>
        </p:nvSpPr>
        <p:spPr>
          <a:xfrm>
            <a:off x="7483831" y="3740930"/>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LÄPINÄKYVYYS</a:t>
            </a:r>
          </a:p>
          <a:p>
            <a:r>
              <a:rPr lang="fi-FI" sz="1200" spc="-30">
                <a:solidFill>
                  <a:schemeClr val="tx1"/>
                </a:solidFill>
              </a:rPr>
              <a:t>Tekoälyn läpinäkyvyydellä tarkoitetaan tekoälyn käyttöä koskevaa jäljitettävyyttä, tiedottamista ja selitettävyyttä.</a:t>
            </a:r>
          </a:p>
        </p:txBody>
      </p:sp>
      <p:sp>
        <p:nvSpPr>
          <p:cNvPr id="7" name="Graphic 44">
            <a:extLst>
              <a:ext uri="{FF2B5EF4-FFF2-40B4-BE49-F238E27FC236}">
                <a16:creationId xmlns:a16="http://schemas.microsoft.com/office/drawing/2014/main" id="{4204ADC4-DF0F-9594-B13B-C8D9486C7851}"/>
              </a:ext>
            </a:extLst>
          </p:cNvPr>
          <p:cNvSpPr txBox="1">
            <a:spLocks/>
          </p:cNvSpPr>
          <p:nvPr/>
        </p:nvSpPr>
        <p:spPr>
          <a:xfrm>
            <a:off x="7483831" y="5016611"/>
            <a:ext cx="3682178" cy="1403644"/>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SELITETTÄVYYS</a:t>
            </a:r>
          </a:p>
          <a:p>
            <a:r>
              <a:rPr lang="fi-FI" sz="1200" spc="-30">
                <a:solidFill>
                  <a:schemeClr val="tx1"/>
                </a:solidFill>
              </a:rPr>
              <a:t>Selitettävyys tarkoittaa kykyä tulkita tekoälyjärjestelmän toimintaa sekä tekoälyn tuloksiin perustuvaa päätöksentekoa. Selitettävyys edellyttää, että ihmiset voivat ymmärtää ja jäljittää tekoälyjärjestelmän tekemät päätökset.</a:t>
            </a:r>
          </a:p>
        </p:txBody>
      </p:sp>
    </p:spTree>
    <p:extLst>
      <p:ext uri="{BB962C8B-B14F-4D97-AF65-F5344CB8AC3E}">
        <p14:creationId xmlns:p14="http://schemas.microsoft.com/office/powerpoint/2010/main" val="47616255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540552EA-DB45-49E2-1F47-3A155058C46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0E45C88-56E2-9676-B45A-B3677347EC58}"/>
              </a:ext>
            </a:extLst>
          </p:cNvPr>
          <p:cNvSpPr>
            <a:spLocks noGrp="1"/>
          </p:cNvSpPr>
          <p:nvPr>
            <p:ph type="title"/>
          </p:nvPr>
        </p:nvSpPr>
        <p:spPr/>
        <p:txBody>
          <a:bodyPr/>
          <a:lstStyle/>
          <a:p>
            <a:r>
              <a:rPr lang="fi-FI"/>
              <a:t>5. Tekoälyn sääntely</a:t>
            </a:r>
          </a:p>
        </p:txBody>
      </p:sp>
      <p:sp>
        <p:nvSpPr>
          <p:cNvPr id="5" name="Slide Number Placeholder 4">
            <a:extLst>
              <a:ext uri="{FF2B5EF4-FFF2-40B4-BE49-F238E27FC236}">
                <a16:creationId xmlns:a16="http://schemas.microsoft.com/office/drawing/2014/main" id="{5A289FB9-412C-8C21-879B-82D430077812}"/>
              </a:ext>
            </a:extLst>
          </p:cNvPr>
          <p:cNvSpPr>
            <a:spLocks noGrp="1"/>
          </p:cNvSpPr>
          <p:nvPr>
            <p:ph type="sldNum" sz="quarter" idx="16"/>
          </p:nvPr>
        </p:nvSpPr>
        <p:spPr/>
        <p:txBody>
          <a:bodyPr/>
          <a:lstStyle/>
          <a:p>
            <a:fld id="{B64FCF4A-2F3F-4397-9C44-D2344643394B}" type="slidenum">
              <a:rPr lang="fi-FI" smtClean="0"/>
              <a:pPr/>
              <a:t>33</a:t>
            </a:fld>
            <a:endParaRPr lang="fi-FI"/>
          </a:p>
        </p:txBody>
      </p:sp>
    </p:spTree>
    <p:extLst>
      <p:ext uri="{BB962C8B-B14F-4D97-AF65-F5344CB8AC3E}">
        <p14:creationId xmlns:p14="http://schemas.microsoft.com/office/powerpoint/2010/main" val="1906071259"/>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8E5962-3F2A-2C16-19BF-4FC90C439C0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0A90131-3376-61E2-23FF-C6BD7269FC57}"/>
              </a:ext>
            </a:extLst>
          </p:cNvPr>
          <p:cNvSpPr>
            <a:spLocks noGrp="1"/>
          </p:cNvSpPr>
          <p:nvPr>
            <p:ph type="title"/>
          </p:nvPr>
        </p:nvSpPr>
        <p:spPr/>
        <p:txBody>
          <a:bodyPr/>
          <a:lstStyle/>
          <a:p>
            <a:r>
              <a:rPr lang="fi-FI"/>
              <a:t>Tekoälyn sääntely</a:t>
            </a:r>
          </a:p>
        </p:txBody>
      </p:sp>
      <p:sp>
        <p:nvSpPr>
          <p:cNvPr id="33" name="Text Placeholder 32">
            <a:extLst>
              <a:ext uri="{FF2B5EF4-FFF2-40B4-BE49-F238E27FC236}">
                <a16:creationId xmlns:a16="http://schemas.microsoft.com/office/drawing/2014/main" id="{39182785-73A4-1CB3-C636-80E372BE6446}"/>
              </a:ext>
            </a:extLst>
          </p:cNvPr>
          <p:cNvSpPr>
            <a:spLocks noGrp="1"/>
          </p:cNvSpPr>
          <p:nvPr>
            <p:ph type="body" sz="quarter" idx="13"/>
          </p:nvPr>
        </p:nvSpPr>
        <p:spPr/>
        <p:txBody>
          <a:bodyPr/>
          <a:lstStyle/>
          <a:p>
            <a:r>
              <a:rPr lang="fi-FI"/>
              <a:t>5. Tekoälyn sääntely</a:t>
            </a:r>
          </a:p>
        </p:txBody>
      </p:sp>
      <p:sp>
        <p:nvSpPr>
          <p:cNvPr id="8" name="Slide Number Placeholder 7">
            <a:extLst>
              <a:ext uri="{FF2B5EF4-FFF2-40B4-BE49-F238E27FC236}">
                <a16:creationId xmlns:a16="http://schemas.microsoft.com/office/drawing/2014/main" id="{A8D98F74-9302-656A-0915-8D370B009F04}"/>
              </a:ext>
            </a:extLst>
          </p:cNvPr>
          <p:cNvSpPr>
            <a:spLocks noGrp="1"/>
          </p:cNvSpPr>
          <p:nvPr>
            <p:ph type="sldNum" sz="quarter" idx="15"/>
          </p:nvPr>
        </p:nvSpPr>
        <p:spPr/>
        <p:txBody>
          <a:bodyPr/>
          <a:lstStyle/>
          <a:p>
            <a:fld id="{B64FCF4A-2F3F-4397-9C44-D2344643394B}" type="slidenum">
              <a:rPr lang="fi-FI" smtClean="0"/>
              <a:pPr/>
              <a:t>34</a:t>
            </a:fld>
            <a:endParaRPr lang="fi-FI"/>
          </a:p>
        </p:txBody>
      </p:sp>
      <p:sp>
        <p:nvSpPr>
          <p:cNvPr id="5" name="Content Placeholder 4">
            <a:extLst>
              <a:ext uri="{FF2B5EF4-FFF2-40B4-BE49-F238E27FC236}">
                <a16:creationId xmlns:a16="http://schemas.microsoft.com/office/drawing/2014/main" id="{065C77B8-2D44-A10A-B858-3BE846D87066}"/>
              </a:ext>
            </a:extLst>
          </p:cNvPr>
          <p:cNvSpPr>
            <a:spLocks noGrp="1"/>
          </p:cNvSpPr>
          <p:nvPr>
            <p:ph sz="quarter" idx="10"/>
          </p:nvPr>
        </p:nvSpPr>
        <p:spPr>
          <a:xfrm>
            <a:off x="695326" y="1982419"/>
            <a:ext cx="6298142" cy="4278470"/>
          </a:xfrm>
        </p:spPr>
        <p:txBody>
          <a:bodyPr/>
          <a:lstStyle/>
          <a:p>
            <a:pPr marL="7937" indent="0">
              <a:buNone/>
            </a:pPr>
            <a:r>
              <a:rPr lang="fi-FI"/>
              <a:t>Tekoälyä koskevaa lainsäädäntöä on kehitetty viime vuosina, ja se tarkentuu edelleen. Säädökset asettavat tekoälyn käyttöön liittyviä velvoitteita, vastuita ja rajoituksia, jotka organisaatioiden ja henkilöstön on huomioitava. Luvussa tutustutaan tekoälyjärjestelmien sääntelyyn ja riskien luokitteluun ja tekoälyjärjestelmien vastuulliseen käyttöön. </a:t>
            </a:r>
            <a:endParaRPr lang="fi-FI">
              <a:latin typeface="+mj-lt"/>
            </a:endParaRPr>
          </a:p>
          <a:p>
            <a:pPr marL="7937" indent="0">
              <a:buNone/>
            </a:pPr>
            <a:endParaRPr lang="fi-FI">
              <a:latin typeface="+mj-lt"/>
            </a:endParaRPr>
          </a:p>
          <a:p>
            <a:pPr marL="7937" indent="0">
              <a:buNone/>
            </a:pPr>
            <a:r>
              <a:rPr lang="fi-FI">
                <a:latin typeface="+mj-lt"/>
              </a:rPr>
              <a:t>Mitä tekoälyä koskevat säädökset määräävät?  </a:t>
            </a:r>
          </a:p>
          <a:p>
            <a:pPr marL="7937" indent="0">
              <a:buNone/>
            </a:pPr>
            <a:r>
              <a:rPr lang="fi-FI">
                <a:latin typeface="+mj-lt"/>
              </a:rPr>
              <a:t>Miten tekoälyjärjestelmien riskejä luokitellaan?</a:t>
            </a:r>
          </a:p>
          <a:p>
            <a:pPr marL="7937" indent="0">
              <a:buNone/>
            </a:pPr>
            <a:r>
              <a:rPr lang="fi-FI">
                <a:latin typeface="+mj-lt"/>
              </a:rPr>
              <a:t>Miten sääntely ohjaa tekoälyn käyttöä hyvinvointialueilla?</a:t>
            </a:r>
          </a:p>
          <a:p>
            <a:pPr marL="7937" indent="0">
              <a:buNone/>
            </a:pPr>
            <a:r>
              <a:rPr lang="fi-FI">
                <a:latin typeface="+mj-lt"/>
              </a:rPr>
              <a:t>Miten arvioida tekoälyn tuottamia tuloksia?</a:t>
            </a:r>
            <a:endParaRPr lang="fi-FI"/>
          </a:p>
        </p:txBody>
      </p:sp>
      <p:pic>
        <p:nvPicPr>
          <p:cNvPr id="51" name="Graphic 50">
            <a:extLst>
              <a:ext uri="{FF2B5EF4-FFF2-40B4-BE49-F238E27FC236}">
                <a16:creationId xmlns:a16="http://schemas.microsoft.com/office/drawing/2014/main" id="{EEB1BFBA-2E22-2AD2-3AF8-4F5F4CBFB280}"/>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54" name="TextBox 53">
            <a:extLst>
              <a:ext uri="{FF2B5EF4-FFF2-40B4-BE49-F238E27FC236}">
                <a16:creationId xmlns:a16="http://schemas.microsoft.com/office/drawing/2014/main" id="{FB2C2D04-2AD9-AF19-1514-11CF01A144ED}"/>
              </a:ext>
            </a:extLst>
          </p:cNvPr>
          <p:cNvSpPr txBox="1"/>
          <p:nvPr/>
        </p:nvSpPr>
        <p:spPr>
          <a:xfrm>
            <a:off x="7886991" y="967166"/>
            <a:ext cx="3352800" cy="1877437"/>
          </a:xfrm>
          <a:prstGeom prst="rect">
            <a:avLst/>
          </a:prstGeom>
          <a:noFill/>
        </p:spPr>
        <p:txBody>
          <a:bodyPr wrap="square">
            <a:spAutoFit/>
          </a:bodyPr>
          <a:lstStyle/>
          <a:p>
            <a:r>
              <a:rPr lang="fi-FI">
                <a:latin typeface="+mj-lt"/>
                <a:cs typeface="Cadiz Book (Body)" panose="020B0604020202020204"/>
              </a:rPr>
              <a:t>Oppimistavoitteet</a:t>
            </a:r>
            <a:br>
              <a:rPr lang="fi-FI" sz="1400">
                <a:latin typeface="+mj-lt"/>
                <a:cs typeface="Cadiz Book (Body)" panose="020B0604020202020204"/>
              </a:rPr>
            </a:br>
            <a:endParaRPr lang="fi-FI" sz="1400">
              <a:latin typeface="+mj-lt"/>
              <a:cs typeface="Cadiz Book (Body)" panose="020B0604020202020204"/>
            </a:endParaRPr>
          </a:p>
          <a:p>
            <a:pPr marL="285750" indent="-285750">
              <a:buFont typeface="Wingdings" panose="05000000000000000000" pitchFamily="2" charset="2"/>
              <a:buChar char="ü"/>
            </a:pPr>
            <a:r>
              <a:rPr lang="fi-FI" sz="1400">
                <a:cs typeface="Cadiz Book (Body)" panose="020B0604020202020204"/>
              </a:rPr>
              <a:t>Ymmärtää, mitä velvoitteita sääntely asettaa tekoälyn käytölle </a:t>
            </a:r>
          </a:p>
          <a:p>
            <a:pPr marL="285750" indent="-285750">
              <a:buFont typeface="Wingdings" panose="05000000000000000000" pitchFamily="2" charset="2"/>
              <a:buChar char="ü"/>
            </a:pPr>
            <a:r>
              <a:rPr lang="fi-FI" sz="1400">
                <a:cs typeface="Cadiz Book (Body)" panose="020B0604020202020204"/>
              </a:rPr>
              <a:t>Ymmärtää tekoälyn käyttöön liittyvät työntekijän vastuut</a:t>
            </a:r>
          </a:p>
          <a:p>
            <a:pPr marL="285750" indent="-285750">
              <a:buFont typeface="Wingdings" panose="05000000000000000000" pitchFamily="2" charset="2"/>
              <a:buChar char="ü"/>
            </a:pPr>
            <a:r>
              <a:rPr lang="fi-FI" sz="1400">
                <a:cs typeface="Cadiz Book (Body)" panose="020B0604020202020204"/>
              </a:rPr>
              <a:t>Ymmärtää, miten käyttää tekoälyä vastuullisesti omassa työssä</a:t>
            </a:r>
            <a:endParaRPr lang="fi-FI" sz="1400">
              <a:latin typeface="Cadiz Book (Body)" panose="020B0604020202020204"/>
              <a:cs typeface="Cadiz Book (Body)" panose="020B0604020202020204"/>
            </a:endParaRPr>
          </a:p>
        </p:txBody>
      </p:sp>
    </p:spTree>
    <p:extLst>
      <p:ext uri="{BB962C8B-B14F-4D97-AF65-F5344CB8AC3E}">
        <p14:creationId xmlns:p14="http://schemas.microsoft.com/office/powerpoint/2010/main" val="58878070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7B5F9A-16D5-EC18-B30A-D7DC1B3DB6DE}"/>
            </a:ext>
          </a:extLst>
        </p:cNvPr>
        <p:cNvGrpSpPr/>
        <p:nvPr/>
      </p:nvGrpSpPr>
      <p:grpSpPr>
        <a:xfrm>
          <a:off x="0" y="0"/>
          <a:ext cx="0" cy="0"/>
          <a:chOff x="0" y="0"/>
          <a:chExt cx="0" cy="0"/>
        </a:xfrm>
      </p:grpSpPr>
      <p:sp>
        <p:nvSpPr>
          <p:cNvPr id="14" name="Title 13">
            <a:extLst>
              <a:ext uri="{FF2B5EF4-FFF2-40B4-BE49-F238E27FC236}">
                <a16:creationId xmlns:a16="http://schemas.microsoft.com/office/drawing/2014/main" id="{558D9216-E980-0AA6-D6AD-47A69B3C94DD}"/>
              </a:ext>
            </a:extLst>
          </p:cNvPr>
          <p:cNvSpPr>
            <a:spLocks noGrp="1"/>
          </p:cNvSpPr>
          <p:nvPr>
            <p:ph type="title"/>
          </p:nvPr>
        </p:nvSpPr>
        <p:spPr/>
        <p:txBody>
          <a:bodyPr/>
          <a:lstStyle/>
          <a:p>
            <a:r>
              <a:rPr lang="fi-FI"/>
              <a:t>Mitä tekoälyä koskevat säädökset määräävät?</a:t>
            </a:r>
          </a:p>
        </p:txBody>
      </p:sp>
      <p:sp>
        <p:nvSpPr>
          <p:cNvPr id="16" name="Text Placeholder 15">
            <a:extLst>
              <a:ext uri="{FF2B5EF4-FFF2-40B4-BE49-F238E27FC236}">
                <a16:creationId xmlns:a16="http://schemas.microsoft.com/office/drawing/2014/main" id="{34B56EE7-8487-57A9-FC07-19FAEB59927C}"/>
              </a:ext>
            </a:extLst>
          </p:cNvPr>
          <p:cNvSpPr>
            <a:spLocks noGrp="1"/>
          </p:cNvSpPr>
          <p:nvPr>
            <p:ph type="body" sz="quarter" idx="13"/>
          </p:nvPr>
        </p:nvSpPr>
        <p:spPr/>
        <p:txBody>
          <a:bodyPr/>
          <a:lstStyle/>
          <a:p>
            <a:r>
              <a:rPr lang="fi-FI"/>
              <a:t>5. Tekoälyn sääntely</a:t>
            </a:r>
          </a:p>
        </p:txBody>
      </p:sp>
      <p:sp>
        <p:nvSpPr>
          <p:cNvPr id="8" name="Slide Number Placeholder 7">
            <a:extLst>
              <a:ext uri="{FF2B5EF4-FFF2-40B4-BE49-F238E27FC236}">
                <a16:creationId xmlns:a16="http://schemas.microsoft.com/office/drawing/2014/main" id="{8F5E660B-9856-7541-DA26-F503EF5A2005}"/>
              </a:ext>
            </a:extLst>
          </p:cNvPr>
          <p:cNvSpPr>
            <a:spLocks noGrp="1"/>
          </p:cNvSpPr>
          <p:nvPr>
            <p:ph type="sldNum" sz="quarter" idx="15"/>
          </p:nvPr>
        </p:nvSpPr>
        <p:spPr/>
        <p:txBody>
          <a:bodyPr/>
          <a:lstStyle/>
          <a:p>
            <a:fld id="{B64FCF4A-2F3F-4397-9C44-D2344643394B}" type="slidenum">
              <a:rPr lang="fi-FI" smtClean="0"/>
              <a:pPr/>
              <a:t>35</a:t>
            </a:fld>
            <a:endParaRPr lang="fi-FI"/>
          </a:p>
        </p:txBody>
      </p:sp>
      <p:sp>
        <p:nvSpPr>
          <p:cNvPr id="15" name="Content Placeholder 14">
            <a:extLst>
              <a:ext uri="{FF2B5EF4-FFF2-40B4-BE49-F238E27FC236}">
                <a16:creationId xmlns:a16="http://schemas.microsoft.com/office/drawing/2014/main" id="{F6E9B267-F66D-E082-AFFD-FDBDA1EBC7D5}"/>
              </a:ext>
            </a:extLst>
          </p:cNvPr>
          <p:cNvSpPr>
            <a:spLocks noGrp="1"/>
          </p:cNvSpPr>
          <p:nvPr>
            <p:ph sz="quarter" idx="10"/>
          </p:nvPr>
        </p:nvSpPr>
        <p:spPr>
          <a:xfrm>
            <a:off x="695326" y="1900254"/>
            <a:ext cx="6840368" cy="4569089"/>
          </a:xfrm>
        </p:spPr>
        <p:txBody>
          <a:bodyPr/>
          <a:lstStyle/>
          <a:p>
            <a:pPr marL="7937" indent="0">
              <a:buNone/>
            </a:pPr>
            <a:r>
              <a:rPr lang="fi-FI" sz="1600"/>
              <a:t>Tekoälyä koskevat säädökset, kuten EU:n tekoälysäädös, määrittelevät, miten tekoälyä voidaan käyttää läpinäkyvästi, turvallisesti ja vastuullisesti. Säädösten avulla voidaan myös parantaa luottamusta tekoälyyn.</a:t>
            </a:r>
          </a:p>
          <a:p>
            <a:pPr marL="7937" indent="0">
              <a:buNone/>
            </a:pPr>
            <a:r>
              <a:rPr lang="fi-FI" sz="1600"/>
              <a:t>Kaikki tekoälyjärjestelmät eivät ole riskialttiita. Tietyt tekoälyjärjestelmät kuitenkin aiheuttavat riskejä, joiden vuoksi niiden käytölle on asetettava tarkkoja vaatimuksia sekä valvontaa. Jos esimerkiksi ei ole mahdollista tietää, miksi tekoäly on tehnyt jonkin henkilöön liittyvän päätöksen, voi olla vaikeaa arvioida, onko henkilö joutunut päätöksen vuoksi epäoikeudenmukaiseen asemaan. </a:t>
            </a:r>
          </a:p>
          <a:p>
            <a:pPr marL="7937" indent="0">
              <a:buNone/>
            </a:pPr>
            <a:r>
              <a:rPr lang="fi-FI" sz="1600"/>
              <a:t>Tekoälysäädöksen lisäksi tekoälyjärjestelmiä koskevat myös useat muut lait ja velvoitteet, jotka liittyvät esimerkiksi tietosuojaan, syrjimättömyyteen ja turvallisuuteen.  </a:t>
            </a:r>
          </a:p>
        </p:txBody>
      </p:sp>
      <p:sp>
        <p:nvSpPr>
          <p:cNvPr id="19" name="Graphic 44">
            <a:extLst>
              <a:ext uri="{FF2B5EF4-FFF2-40B4-BE49-F238E27FC236}">
                <a16:creationId xmlns:a16="http://schemas.microsoft.com/office/drawing/2014/main" id="{07A3A612-766C-29C3-E7CC-031963166A47}"/>
              </a:ext>
            </a:extLst>
          </p:cNvPr>
          <p:cNvSpPr/>
          <p:nvPr/>
        </p:nvSpPr>
        <p:spPr>
          <a:xfrm>
            <a:off x="8078626" y="1881688"/>
            <a:ext cx="3438369" cy="438858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marR="0" lvl="0" algn="l" defTabSz="914400" rtl="0" eaLnBrk="1" fontAlgn="auto" latinLnBrk="0" hangingPunct="1">
              <a:lnSpc>
                <a:spcPct val="100000"/>
              </a:lnSpc>
              <a:spcBef>
                <a:spcPts val="0"/>
              </a:spcBef>
              <a:spcAft>
                <a:spcPts val="0"/>
              </a:spcAft>
              <a:buClr>
                <a:srgbClr val="FF8E33"/>
              </a:buClr>
              <a:buSzTx/>
              <a:tabLst/>
              <a:defRPr/>
            </a:pPr>
            <a:r>
              <a:rPr lang="fi-FI" sz="1400" b="1">
                <a:latin typeface="+mj-lt"/>
              </a:rPr>
              <a:t>Mikä tekoälysäädös?</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b="1"/>
          </a:p>
          <a:p>
            <a:pPr marR="0" lvl="0" algn="l" defTabSz="914400" rtl="0" eaLnBrk="1" fontAlgn="auto" latinLnBrk="0" hangingPunct="1">
              <a:lnSpc>
                <a:spcPct val="100000"/>
              </a:lnSpc>
              <a:spcBef>
                <a:spcPts val="0"/>
              </a:spcBef>
              <a:spcAft>
                <a:spcPts val="0"/>
              </a:spcAft>
              <a:buClr>
                <a:srgbClr val="FF8E33"/>
              </a:buClr>
              <a:buSzTx/>
              <a:tabLst/>
              <a:defRPr/>
            </a:pPr>
            <a:r>
              <a:rPr lang="fi-FI" sz="1400"/>
              <a:t>Tekoälysäädös (EU AI Act) on Euroopan unionin säädös, joka asettaa säännöt tekoälyjärjestelmien turvalliselle ja vastuulliselle käytölle.</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a:buClr>
                <a:srgbClr val="FF8E33"/>
              </a:buClr>
              <a:defRPr/>
            </a:pPr>
            <a:r>
              <a:rPr lang="fi-FI" sz="1400"/>
              <a:t>Sen tavoitteena on varmistaa, että tekoälyä hyödynnetään tavalla, joka kunnioittaa ihmisten oikeuksia, turvaa yksityisyyden ja ehkäisee haitallisia vaikutuksia. Tekoälysäädös pyrkii edistämään ihmiskeskeisen tekoälyn kehittämistä ja innovaatiota.</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a:t>Asetus on ensimmäinen laatuaan maailmassa ja luo oikeudelliset puitteet tekoälyn kehittämiselle ja käytölle EU:n alueella.</a:t>
            </a:r>
          </a:p>
        </p:txBody>
      </p:sp>
    </p:spTree>
    <p:extLst>
      <p:ext uri="{BB962C8B-B14F-4D97-AF65-F5344CB8AC3E}">
        <p14:creationId xmlns:p14="http://schemas.microsoft.com/office/powerpoint/2010/main" val="1452742307"/>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307C9C-E690-A600-40DD-0793516EB69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6E6EA9B-5B05-B5B4-4E4C-BD92D9A2AD3C}"/>
              </a:ext>
            </a:extLst>
          </p:cNvPr>
          <p:cNvSpPr>
            <a:spLocks noGrp="1"/>
          </p:cNvSpPr>
          <p:nvPr>
            <p:ph type="title"/>
          </p:nvPr>
        </p:nvSpPr>
        <p:spPr/>
        <p:txBody>
          <a:bodyPr/>
          <a:lstStyle/>
          <a:p>
            <a:r>
              <a:rPr lang="fi-FI"/>
              <a:t>Miten tekoälyjärjestelmien riskejä luokitellaan?</a:t>
            </a:r>
          </a:p>
        </p:txBody>
      </p:sp>
      <p:sp>
        <p:nvSpPr>
          <p:cNvPr id="3" name="Text Placeholder 2">
            <a:extLst>
              <a:ext uri="{FF2B5EF4-FFF2-40B4-BE49-F238E27FC236}">
                <a16:creationId xmlns:a16="http://schemas.microsoft.com/office/drawing/2014/main" id="{8471AC40-CFCF-4F51-98F5-C1035E04DCF1}"/>
              </a:ext>
            </a:extLst>
          </p:cNvPr>
          <p:cNvSpPr>
            <a:spLocks noGrp="1"/>
          </p:cNvSpPr>
          <p:nvPr>
            <p:ph type="body" sz="quarter" idx="13"/>
          </p:nvPr>
        </p:nvSpPr>
        <p:spPr/>
        <p:txBody>
          <a:bodyPr/>
          <a:lstStyle/>
          <a:p>
            <a:r>
              <a:rPr lang="fi-FI"/>
              <a:t>5. Tekoälyn sääntely</a:t>
            </a:r>
          </a:p>
        </p:txBody>
      </p:sp>
      <p:sp>
        <p:nvSpPr>
          <p:cNvPr id="7" name="Content Placeholder 6">
            <a:extLst>
              <a:ext uri="{FF2B5EF4-FFF2-40B4-BE49-F238E27FC236}">
                <a16:creationId xmlns:a16="http://schemas.microsoft.com/office/drawing/2014/main" id="{E4A16294-062B-7A34-D562-0016A754649F}"/>
              </a:ext>
            </a:extLst>
          </p:cNvPr>
          <p:cNvSpPr>
            <a:spLocks noGrp="1"/>
          </p:cNvSpPr>
          <p:nvPr>
            <p:ph sz="quarter" idx="17"/>
          </p:nvPr>
        </p:nvSpPr>
        <p:spPr/>
        <p:txBody>
          <a:bodyPr/>
          <a:lstStyle/>
          <a:p>
            <a:endParaRPr lang="en-US"/>
          </a:p>
        </p:txBody>
      </p:sp>
      <p:sp>
        <p:nvSpPr>
          <p:cNvPr id="6" name="Content Placeholder 5">
            <a:extLst>
              <a:ext uri="{FF2B5EF4-FFF2-40B4-BE49-F238E27FC236}">
                <a16:creationId xmlns:a16="http://schemas.microsoft.com/office/drawing/2014/main" id="{6A928B0D-0369-E8F9-5906-FB3E25FD5880}"/>
              </a:ext>
            </a:extLst>
          </p:cNvPr>
          <p:cNvSpPr>
            <a:spLocks noGrp="1"/>
          </p:cNvSpPr>
          <p:nvPr>
            <p:ph sz="quarter" idx="10"/>
          </p:nvPr>
        </p:nvSpPr>
        <p:spPr/>
        <p:txBody>
          <a:bodyPr/>
          <a:lstStyle/>
          <a:p>
            <a:pPr marL="7937" indent="0">
              <a:buNone/>
            </a:pPr>
            <a:r>
              <a:rPr lang="fi-FI" sz="1600"/>
              <a:t>Tekoälyjärjestelmät jaetaan neljään riskiluokkaan niiden vaikutusten ja riskien perusteella. Luokitus määrittää niihin kohdistuvia vaatimuksia ja velvoitteita.</a:t>
            </a:r>
          </a:p>
          <a:p>
            <a:pPr marL="7937" indent="0">
              <a:buNone/>
            </a:pPr>
            <a:r>
              <a:rPr lang="fi-FI" sz="1600" b="1"/>
              <a:t>Vähäriskiset järjestelmät </a:t>
            </a:r>
            <a:r>
              <a:rPr lang="fi-FI" sz="1600"/>
              <a:t>eivät aiheuta merkittäviä riskejä ihmisille. Tällaisia ovat esimerkiksi sähköpostien automaattinen tekstin korjaus tai kielenoppimissovellukset. </a:t>
            </a:r>
          </a:p>
          <a:p>
            <a:pPr marL="7937" indent="0">
              <a:buNone/>
            </a:pPr>
            <a:r>
              <a:rPr lang="fi-FI" sz="1600" b="1"/>
              <a:t>Vähäriskiset, mutta läpinäkyvyyttä vaativat järjestelmät</a:t>
            </a:r>
            <a:r>
              <a:rPr lang="fi-FI" sz="1600"/>
              <a:t> vaikuttavat ihmisiin suhteellisen vähäisesti. Niiden käyttö ei vaadi tiukkaa sääntelyä, mutta niiltä edellytetään esimerkiksi käyttäjien tiedottamista tekoälyn käytöstä. Tällaisia ovat esimerkiksi asiakaspalveluun käytetyt chatbotit ja kuvien luontiin tarkoitetut sovellukset.</a:t>
            </a:r>
            <a:endParaRPr lang="fi-FI" sz="1600" b="1"/>
          </a:p>
          <a:p>
            <a:pPr marL="7937" indent="0">
              <a:buNone/>
            </a:pPr>
            <a:endParaRPr lang="fi-FI" sz="1600"/>
          </a:p>
          <a:p>
            <a:pPr marL="7937" indent="0">
              <a:buNone/>
            </a:pPr>
            <a:endParaRPr lang="fi-FI" sz="1600">
              <a:solidFill>
                <a:schemeClr val="tx1"/>
              </a:solidFill>
            </a:endParaRPr>
          </a:p>
        </p:txBody>
      </p:sp>
      <p:sp>
        <p:nvSpPr>
          <p:cNvPr id="8" name="Content Placeholder 7">
            <a:extLst>
              <a:ext uri="{FF2B5EF4-FFF2-40B4-BE49-F238E27FC236}">
                <a16:creationId xmlns:a16="http://schemas.microsoft.com/office/drawing/2014/main" id="{373B9A31-2DC0-4EB4-7856-49A6EDE97479}"/>
              </a:ext>
            </a:extLst>
          </p:cNvPr>
          <p:cNvSpPr>
            <a:spLocks noGrp="1"/>
          </p:cNvSpPr>
          <p:nvPr>
            <p:ph sz="quarter" idx="18"/>
          </p:nvPr>
        </p:nvSpPr>
        <p:spPr>
          <a:xfrm>
            <a:off x="6417735" y="2276210"/>
            <a:ext cx="5078942" cy="4372239"/>
          </a:xfrm>
        </p:spPr>
        <p:txBody>
          <a:bodyPr/>
          <a:lstStyle/>
          <a:p>
            <a:pPr marL="7937" indent="0">
              <a:buNone/>
            </a:pPr>
            <a:r>
              <a:rPr lang="fi-FI" sz="1600" b="1"/>
              <a:t>Suuririskiset järjestelmät</a:t>
            </a:r>
            <a:r>
              <a:rPr lang="fi-FI" sz="1600"/>
              <a:t>, joilla voi olla merkittävä vaikutus ihmisten perusoikeuksiin, terveyteen, tai turvallisuuteen vaativat ennakkoarviointia ja valvontaa. Tällaisia ovat esimerkiksi hoitosuosituksia ja diagnooseja tukevat tekoälyjärjestelmät </a:t>
            </a:r>
          </a:p>
          <a:p>
            <a:pPr marL="7937" indent="0">
              <a:buNone/>
            </a:pPr>
            <a:r>
              <a:rPr lang="fi-FI" sz="1600" b="1"/>
              <a:t>Kielletyt järjestelmät </a:t>
            </a:r>
            <a:r>
              <a:rPr lang="fi-FI" sz="1600"/>
              <a:t>aiheuttavat kohtuuttomia riskejä ihmisten perusoikeuksien vaarantumiseen. Tekoälysäädös kieltää tekoälyn käytön kokonaan esimerkiksi sosiaalisen pisteytyksen järjestelmiin, jossa kansalaisia arvioidaan käyttäytymisen perusteella. </a:t>
            </a:r>
          </a:p>
          <a:p>
            <a:pPr marL="7937" indent="0">
              <a:buNone/>
            </a:pPr>
            <a:r>
              <a:rPr lang="fi-FI" sz="1600" b="1"/>
              <a:t>Tekoälysäädöksen mukaisesti tällaiset järjestelmät voivat olla sallittuja tietyin tarkoin rajatuin poikkeuksin. </a:t>
            </a:r>
          </a:p>
          <a:p>
            <a:pPr marL="7937" indent="0">
              <a:buNone/>
            </a:pPr>
            <a:r>
              <a:rPr lang="fi-FI" sz="1600"/>
              <a:t>Esimerkiksi biometristen tietojen, kuten kasvokuvien luokittelu voidaan terveydenhuollossa sallia lääketieteellisin tai turvallisuuteen liittyvin perustein, kun noudatetaan laillisia käytäntöjä.</a:t>
            </a:r>
          </a:p>
        </p:txBody>
      </p:sp>
      <p:sp>
        <p:nvSpPr>
          <p:cNvPr id="5" name="Slide Number Placeholder 4">
            <a:extLst>
              <a:ext uri="{FF2B5EF4-FFF2-40B4-BE49-F238E27FC236}">
                <a16:creationId xmlns:a16="http://schemas.microsoft.com/office/drawing/2014/main" id="{A814F25D-4817-5816-A553-CB860104DFC5}"/>
              </a:ext>
            </a:extLst>
          </p:cNvPr>
          <p:cNvSpPr>
            <a:spLocks noGrp="1"/>
          </p:cNvSpPr>
          <p:nvPr>
            <p:ph type="sldNum" sz="quarter" idx="16"/>
          </p:nvPr>
        </p:nvSpPr>
        <p:spPr/>
        <p:txBody>
          <a:bodyPr/>
          <a:lstStyle/>
          <a:p>
            <a:fld id="{B64FCF4A-2F3F-4397-9C44-D2344643394B}" type="slidenum">
              <a:rPr lang="fi-FI" smtClean="0"/>
              <a:pPr/>
              <a:t>36</a:t>
            </a:fld>
            <a:endParaRPr lang="fi-FI"/>
          </a:p>
        </p:txBody>
      </p:sp>
    </p:spTree>
    <p:extLst>
      <p:ext uri="{BB962C8B-B14F-4D97-AF65-F5344CB8AC3E}">
        <p14:creationId xmlns:p14="http://schemas.microsoft.com/office/powerpoint/2010/main" val="254023427"/>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49BE96-406A-D8D4-D570-94430B52773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539FB6B-FEDF-8A83-679A-15AF8466F164}"/>
              </a:ext>
            </a:extLst>
          </p:cNvPr>
          <p:cNvSpPr>
            <a:spLocks noGrp="1"/>
          </p:cNvSpPr>
          <p:nvPr>
            <p:ph type="title"/>
          </p:nvPr>
        </p:nvSpPr>
        <p:spPr/>
        <p:txBody>
          <a:bodyPr/>
          <a:lstStyle/>
          <a:p>
            <a:r>
              <a:rPr lang="fi-FI"/>
              <a:t>Miten sääntely ohjaa tekoälyn käyttöä hyvinvointialueilla?</a:t>
            </a:r>
          </a:p>
        </p:txBody>
      </p:sp>
      <p:sp>
        <p:nvSpPr>
          <p:cNvPr id="3" name="Text Placeholder 2">
            <a:extLst>
              <a:ext uri="{FF2B5EF4-FFF2-40B4-BE49-F238E27FC236}">
                <a16:creationId xmlns:a16="http://schemas.microsoft.com/office/drawing/2014/main" id="{943AF79B-FFEF-F00C-154A-7B8E17CB0AC2}"/>
              </a:ext>
            </a:extLst>
          </p:cNvPr>
          <p:cNvSpPr>
            <a:spLocks noGrp="1"/>
          </p:cNvSpPr>
          <p:nvPr>
            <p:ph type="body" sz="quarter" idx="13"/>
          </p:nvPr>
        </p:nvSpPr>
        <p:spPr/>
        <p:txBody>
          <a:bodyPr/>
          <a:lstStyle/>
          <a:p>
            <a:r>
              <a:rPr lang="fi-FI"/>
              <a:t>5. Tekoälyn sääntely</a:t>
            </a:r>
          </a:p>
        </p:txBody>
      </p:sp>
      <p:sp>
        <p:nvSpPr>
          <p:cNvPr id="5" name="Slide Number Placeholder 4">
            <a:extLst>
              <a:ext uri="{FF2B5EF4-FFF2-40B4-BE49-F238E27FC236}">
                <a16:creationId xmlns:a16="http://schemas.microsoft.com/office/drawing/2014/main" id="{D9B6EEEA-4C73-15A6-F359-5236455ECB0C}"/>
              </a:ext>
            </a:extLst>
          </p:cNvPr>
          <p:cNvSpPr>
            <a:spLocks noGrp="1"/>
          </p:cNvSpPr>
          <p:nvPr>
            <p:ph type="sldNum" sz="quarter" idx="15"/>
          </p:nvPr>
        </p:nvSpPr>
        <p:spPr/>
        <p:txBody>
          <a:bodyPr/>
          <a:lstStyle/>
          <a:p>
            <a:fld id="{B64FCF4A-2F3F-4397-9C44-D2344643394B}" type="slidenum">
              <a:rPr lang="fi-FI" smtClean="0"/>
              <a:pPr/>
              <a:t>37</a:t>
            </a:fld>
            <a:endParaRPr lang="fi-FI"/>
          </a:p>
        </p:txBody>
      </p:sp>
      <p:sp>
        <p:nvSpPr>
          <p:cNvPr id="7" name="Content Placeholder 6">
            <a:extLst>
              <a:ext uri="{FF2B5EF4-FFF2-40B4-BE49-F238E27FC236}">
                <a16:creationId xmlns:a16="http://schemas.microsoft.com/office/drawing/2014/main" id="{EAE21FFA-0A70-4855-7AF0-AA8D26EB74D7}"/>
              </a:ext>
            </a:extLst>
          </p:cNvPr>
          <p:cNvSpPr>
            <a:spLocks noGrp="1"/>
          </p:cNvSpPr>
          <p:nvPr>
            <p:ph sz="quarter" idx="10"/>
          </p:nvPr>
        </p:nvSpPr>
        <p:spPr>
          <a:xfrm>
            <a:off x="695326" y="1904591"/>
            <a:ext cx="6769031" cy="3991822"/>
          </a:xfrm>
        </p:spPr>
        <p:txBody>
          <a:bodyPr/>
          <a:lstStyle/>
          <a:p>
            <a:pPr marL="7937" indent="0">
              <a:buNone/>
            </a:pPr>
            <a:r>
              <a:rPr lang="fi-FI"/>
              <a:t>Hyvinvointialueilla tekoälyä koskevat säädökset edellyttävät esimerkiksi tekoälyjärjestelmien riskien ja vaikutusten etukäteisarviointia, järjestelmien läpinäkyvää käyttöä, tekoälyjärjestelmien käytön seurantaa ja valvontaa sekä henkilöstön tekoälyn lukutaidon varmistamista. Lisäksi säädökset edellyttävät potilas- ja asiakastietojen turvallista käsittelyä ja tietosuojan varmistamista.</a:t>
            </a:r>
          </a:p>
          <a:p>
            <a:pPr marL="7937" indent="0">
              <a:buNone/>
            </a:pPr>
            <a:r>
              <a:rPr lang="fi-FI"/>
              <a:t>Hyvinvointialueilla tekoälyä koskevien säädösten noudattamisessa korostuvat tekoälyn käytön riskien ja vaikutusten sekä niihin liittyvien velvoitteiden ymmärtäminen oman työn näkökulmasta. Myös eri organisaatioiden toimintamallit ja ohjeet sääntelyn noudattamiseksi voivat vaihdella.</a:t>
            </a:r>
          </a:p>
          <a:p>
            <a:pPr marL="7937" indent="0">
              <a:buNone/>
            </a:pPr>
            <a:r>
              <a:rPr lang="fi-FI"/>
              <a:t>Toimenpiteet sääntelyn noudattamiseksi ovat aina järjestelmäkohtaisia ja niitä sovelletaan tekoälyjärjestelmän erityispiirteiden, riskiluokituksen ja käyttötapauksen mukaisesti.</a:t>
            </a:r>
          </a:p>
        </p:txBody>
      </p:sp>
      <p:sp>
        <p:nvSpPr>
          <p:cNvPr id="4" name="Graphic 44">
            <a:extLst>
              <a:ext uri="{FF2B5EF4-FFF2-40B4-BE49-F238E27FC236}">
                <a16:creationId xmlns:a16="http://schemas.microsoft.com/office/drawing/2014/main" id="{969AE082-7677-B679-E8AF-3E794EC45147}"/>
              </a:ext>
            </a:extLst>
          </p:cNvPr>
          <p:cNvSpPr/>
          <p:nvPr/>
        </p:nvSpPr>
        <p:spPr>
          <a:xfrm>
            <a:off x="8074933" y="1872984"/>
            <a:ext cx="3438369" cy="4364303"/>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marR="0" lvl="0" algn="l" defTabSz="914400" rtl="0" eaLnBrk="1" fontAlgn="auto" latinLnBrk="0" hangingPunct="1">
              <a:lnSpc>
                <a:spcPct val="100000"/>
              </a:lnSpc>
              <a:spcBef>
                <a:spcPts val="0"/>
              </a:spcBef>
              <a:spcAft>
                <a:spcPts val="0"/>
              </a:spcAft>
              <a:buClr>
                <a:srgbClr val="FF8E33"/>
              </a:buClr>
              <a:buSzTx/>
              <a:tabLst/>
              <a:defRPr/>
            </a:pPr>
            <a:r>
              <a:rPr lang="fi-FI" sz="1400">
                <a:latin typeface="+mj-lt"/>
              </a:rPr>
              <a:t>Mitä vastuita tekoälyn käyttöön liittyy?</a:t>
            </a:r>
          </a:p>
          <a:p>
            <a:pPr marR="0" lvl="0" algn="l" defTabSz="914400" rtl="0" eaLnBrk="1" fontAlgn="auto" latinLnBrk="0" hangingPunct="1">
              <a:lnSpc>
                <a:spcPct val="100000"/>
              </a:lnSpc>
              <a:spcBef>
                <a:spcPts val="0"/>
              </a:spcBef>
              <a:spcAft>
                <a:spcPts val="0"/>
              </a:spcAft>
              <a:buClr>
                <a:srgbClr val="FF8E33"/>
              </a:buClr>
              <a:buSzTx/>
              <a:tabLst/>
              <a:defRPr/>
            </a:pPr>
            <a:endParaRPr lang="fi-FI" sz="1200"/>
          </a:p>
          <a:p>
            <a:pPr marR="0" lvl="0" algn="l" defTabSz="914400" rtl="0" eaLnBrk="1" fontAlgn="auto" latinLnBrk="0" hangingPunct="1">
              <a:lnSpc>
                <a:spcPct val="100000"/>
              </a:lnSpc>
              <a:spcBef>
                <a:spcPts val="0"/>
              </a:spcBef>
              <a:spcAft>
                <a:spcPts val="0"/>
              </a:spcAft>
              <a:buClr>
                <a:srgbClr val="FF8E33"/>
              </a:buClr>
              <a:buSzTx/>
              <a:tabLst/>
              <a:defRPr/>
            </a:pPr>
            <a:r>
              <a:rPr lang="fi-FI" sz="1400" b="1"/>
              <a:t>Organisaatioilla</a:t>
            </a:r>
            <a:r>
              <a:rPr lang="fi-FI" sz="1400"/>
              <a:t> on velvollisuus tarjota selkeät ohjeistukset tekoälyn käytölle ja varmistaa, että järjestelmät ovat säädösten mukaisia, turvallisia ja eettisiä. Organisaatioiden tulee myös kouluttaa henkilöstöä ymmärtämään tekoälyyn liittyviä säädöksiä ja käyttämään järjestelmiä vastuullisesti.</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b="1"/>
              <a:t>Työntekijä </a:t>
            </a:r>
            <a:r>
              <a:rPr lang="fi-FI" sz="1400"/>
              <a:t>vastaa tekoälyjärjestelmien tarkoituksenmukaisesta ja eettisestä soveltamisesta omassa työssään, niiden tulosten kriittisestä arvioinnista sekä oman tekoälyn lukutaitonsa kehittämisestä. </a:t>
            </a:r>
            <a:endParaRPr lang="fi-FI" sz="1200"/>
          </a:p>
        </p:txBody>
      </p:sp>
    </p:spTree>
    <p:extLst>
      <p:ext uri="{BB962C8B-B14F-4D97-AF65-F5344CB8AC3E}">
        <p14:creationId xmlns:p14="http://schemas.microsoft.com/office/powerpoint/2010/main" val="69758079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895820-CBA7-9B90-4504-2C30346B78DB}"/>
              </a:ext>
            </a:extLst>
          </p:cNvPr>
          <p:cNvSpPr>
            <a:spLocks noGrp="1"/>
          </p:cNvSpPr>
          <p:nvPr>
            <p:ph type="title"/>
          </p:nvPr>
        </p:nvSpPr>
        <p:spPr/>
        <p:txBody>
          <a:bodyPr/>
          <a:lstStyle/>
          <a:p>
            <a:r>
              <a:rPr lang="fi-FI"/>
              <a:t>Miten arvioida tekoälyn tuottamia tuloksia?</a:t>
            </a:r>
          </a:p>
        </p:txBody>
      </p:sp>
      <p:sp>
        <p:nvSpPr>
          <p:cNvPr id="3" name="Text Placeholder 2">
            <a:extLst>
              <a:ext uri="{FF2B5EF4-FFF2-40B4-BE49-F238E27FC236}">
                <a16:creationId xmlns:a16="http://schemas.microsoft.com/office/drawing/2014/main" id="{62B3CA19-DADC-9ED6-7E9D-60C1E8B19E7A}"/>
              </a:ext>
            </a:extLst>
          </p:cNvPr>
          <p:cNvSpPr>
            <a:spLocks noGrp="1"/>
          </p:cNvSpPr>
          <p:nvPr>
            <p:ph type="body" sz="quarter" idx="13"/>
          </p:nvPr>
        </p:nvSpPr>
        <p:spPr/>
        <p:txBody>
          <a:bodyPr/>
          <a:lstStyle/>
          <a:p>
            <a:r>
              <a:rPr lang="fi-FI"/>
              <a:t>5. Tekoälyn sääntely</a:t>
            </a:r>
          </a:p>
        </p:txBody>
      </p:sp>
      <p:sp>
        <p:nvSpPr>
          <p:cNvPr id="7" name="Slide Number Placeholder 6">
            <a:extLst>
              <a:ext uri="{FF2B5EF4-FFF2-40B4-BE49-F238E27FC236}">
                <a16:creationId xmlns:a16="http://schemas.microsoft.com/office/drawing/2014/main" id="{5EFBCBE4-5842-9486-9CE3-7C6DE018F54B}"/>
              </a:ext>
            </a:extLst>
          </p:cNvPr>
          <p:cNvSpPr>
            <a:spLocks noGrp="1"/>
          </p:cNvSpPr>
          <p:nvPr>
            <p:ph type="sldNum" sz="quarter" idx="16"/>
          </p:nvPr>
        </p:nvSpPr>
        <p:spPr/>
        <p:txBody>
          <a:bodyPr/>
          <a:lstStyle/>
          <a:p>
            <a:fld id="{B64FCF4A-2F3F-4397-9C44-D2344643394B}" type="slidenum">
              <a:rPr lang="fi-FI" smtClean="0"/>
              <a:pPr/>
              <a:t>38</a:t>
            </a:fld>
            <a:endParaRPr lang="fi-FI"/>
          </a:p>
        </p:txBody>
      </p:sp>
      <p:sp>
        <p:nvSpPr>
          <p:cNvPr id="5" name="Content Placeholder 4">
            <a:extLst>
              <a:ext uri="{FF2B5EF4-FFF2-40B4-BE49-F238E27FC236}">
                <a16:creationId xmlns:a16="http://schemas.microsoft.com/office/drawing/2014/main" id="{462E5A61-DBCF-9027-7B3B-9ABDBD891116}"/>
              </a:ext>
            </a:extLst>
          </p:cNvPr>
          <p:cNvSpPr>
            <a:spLocks noGrp="1"/>
          </p:cNvSpPr>
          <p:nvPr>
            <p:ph sz="quarter" idx="10"/>
          </p:nvPr>
        </p:nvSpPr>
        <p:spPr>
          <a:xfrm>
            <a:off x="695326" y="2068687"/>
            <a:ext cx="5078942" cy="3991822"/>
          </a:xfrm>
        </p:spPr>
        <p:txBody>
          <a:bodyPr/>
          <a:lstStyle/>
          <a:p>
            <a:pPr marL="350837" indent="-342900">
              <a:buFont typeface="+mj-lt"/>
              <a:buAutoNum type="arabicPeriod"/>
            </a:pPr>
            <a:r>
              <a:rPr lang="fi-FI" sz="1600" b="1"/>
              <a:t>Tarkista tiedot ja lähteet: </a:t>
            </a:r>
            <a:r>
              <a:rPr lang="fi-FI" sz="1600"/>
              <a:t>Varmista, että tekoäly on käyttänyt ajantasaisia ja oikeita tietoja. Varmista, että tiedät mihin tietoihin tekoälyn tuottama tulos perustuu. Pohdi, huomioiko tulos kaikki tilanteeseen liittyvät tärkeät asiat.</a:t>
            </a:r>
          </a:p>
          <a:p>
            <a:pPr marL="350837" indent="-342900">
              <a:buFont typeface="+mj-lt"/>
              <a:buAutoNum type="arabicPeriod"/>
            </a:pPr>
            <a:r>
              <a:rPr lang="fi-FI" sz="1600" b="1"/>
              <a:t>Arvioi ymmärrettävyyttä: </a:t>
            </a:r>
            <a:r>
              <a:rPr lang="fi-FI" sz="1600"/>
              <a:t>Mieti, onko tekoälyn tuottama tulos selkeä, johdonmukainen ja perusteltu. Voit myös pohtia, miten tekoäly päätyi kyseiseen lopputulokseen. Pyydä myös tarvittaessa apua järjestelmän toiminnan tulkintaan. </a:t>
            </a:r>
          </a:p>
          <a:p>
            <a:pPr marL="350837" indent="-342900">
              <a:buFont typeface="+mj-lt"/>
              <a:buAutoNum type="arabicPeriod"/>
            </a:pPr>
            <a:r>
              <a:rPr lang="fi-FI" sz="1600" b="1"/>
              <a:t>Arvioi luotettavuutta: </a:t>
            </a:r>
            <a:r>
              <a:rPr lang="fi-FI" sz="1600"/>
              <a:t>Vertaa tekoälyn tulosta omiin tietoihisi ja kokemukseesi. Tuntuuko tulos oikealta ja sopivalta tilanteeseen?	</a:t>
            </a:r>
          </a:p>
        </p:txBody>
      </p:sp>
      <p:sp>
        <p:nvSpPr>
          <p:cNvPr id="8" name="Content Placeholder 7">
            <a:extLst>
              <a:ext uri="{FF2B5EF4-FFF2-40B4-BE49-F238E27FC236}">
                <a16:creationId xmlns:a16="http://schemas.microsoft.com/office/drawing/2014/main" id="{1B6188F2-E088-D5D5-98C6-80E5060C8636}"/>
              </a:ext>
            </a:extLst>
          </p:cNvPr>
          <p:cNvSpPr>
            <a:spLocks noGrp="1"/>
          </p:cNvSpPr>
          <p:nvPr>
            <p:ph sz="quarter" idx="18"/>
          </p:nvPr>
        </p:nvSpPr>
        <p:spPr>
          <a:xfrm>
            <a:off x="6417736" y="2068687"/>
            <a:ext cx="5078942" cy="3991822"/>
          </a:xfrm>
        </p:spPr>
        <p:txBody>
          <a:bodyPr/>
          <a:lstStyle/>
          <a:p>
            <a:pPr marL="350837" indent="-342900">
              <a:buFont typeface="+mj-lt"/>
              <a:buAutoNum type="arabicPeriod" startAt="4"/>
            </a:pPr>
            <a:r>
              <a:rPr lang="fi-FI" sz="1600" b="1"/>
              <a:t>Arvioi tuloksen käytön vaikutuksia: </a:t>
            </a:r>
            <a:r>
              <a:rPr lang="fi-FI" sz="1600"/>
              <a:t>Pohdi, onko tulos linjassa työn eettisten periaatteiden ja organisaation toimintamallien kanssa? Onko tekoälyn tuottama tulos oikeudenmukainen ja turvallinen? Voisiko sen käyttäminen aiheuttaa haittaa asiakkaalle, potilaalle, työyhteisölle tai laajemmalle joukolle? </a:t>
            </a:r>
          </a:p>
          <a:p>
            <a:pPr marL="350837" indent="-342900">
              <a:buFont typeface="+mj-lt"/>
              <a:buAutoNum type="arabicPeriod" startAt="4"/>
            </a:pPr>
            <a:r>
              <a:rPr lang="fi-FI" sz="1600" b="1"/>
              <a:t>Käytä harkintaa: </a:t>
            </a:r>
            <a:r>
              <a:rPr lang="fi-FI" sz="1600"/>
              <a:t>Jos tulos virheellinen, epäselvä tai ristiriidassa työn eettisten periaatteiden ja organisaationa toimintamallien kanssa, käytä omaa ammattitaitoasi tilanteen ratkaisemiseksi.</a:t>
            </a:r>
          </a:p>
          <a:p>
            <a:pPr marL="350837" indent="-342900">
              <a:buFont typeface="+mj-lt"/>
              <a:buAutoNum type="arabicPeriod" startAt="4"/>
            </a:pPr>
            <a:r>
              <a:rPr lang="fi-FI" sz="1600" b="1"/>
              <a:t>Ilmoita ongelmista: </a:t>
            </a:r>
            <a:r>
              <a:rPr lang="fi-FI" sz="1600"/>
              <a:t>Jos huomaat virheitä tai puutteita järjestelmän toiminnassa tai tuloksissa, kerro niistä eteenpäin organisaation ohjeiden mukaisesti. Tämä auttaa kehittämään tekoälyjärjestelmää ja parantamaan sen toimivuutta tulevaisuudessa.</a:t>
            </a:r>
          </a:p>
          <a:p>
            <a:pPr marL="350837" indent="-342900">
              <a:buFont typeface="+mj-lt"/>
              <a:buAutoNum type="arabicPeriod" startAt="4"/>
            </a:pPr>
            <a:endParaRPr lang="en-US" sz="1600"/>
          </a:p>
          <a:p>
            <a:pPr marL="350837" indent="-342900">
              <a:buFont typeface="+mj-lt"/>
              <a:buAutoNum type="arabicPeriod" startAt="4"/>
            </a:pPr>
            <a:endParaRPr lang="en-US" sz="1600"/>
          </a:p>
        </p:txBody>
      </p:sp>
    </p:spTree>
    <p:extLst>
      <p:ext uri="{BB962C8B-B14F-4D97-AF65-F5344CB8AC3E}">
        <p14:creationId xmlns:p14="http://schemas.microsoft.com/office/powerpoint/2010/main" val="335739515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52AF2E-81A6-C986-96AA-213ECE183AD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E3313B4-B441-A18D-D909-DDD44D9FE156}"/>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B304A1B3-E043-79DC-3543-E2D7B0577374}"/>
              </a:ext>
            </a:extLst>
          </p:cNvPr>
          <p:cNvSpPr>
            <a:spLocks noGrp="1"/>
          </p:cNvSpPr>
          <p:nvPr>
            <p:ph type="body" sz="quarter" idx="13"/>
          </p:nvPr>
        </p:nvSpPr>
        <p:spPr/>
        <p:txBody>
          <a:bodyPr/>
          <a:lstStyle/>
          <a:p>
            <a:r>
              <a:rPr lang="fi-FI"/>
              <a:t>5. Tekoälyn sääntely</a:t>
            </a:r>
          </a:p>
        </p:txBody>
      </p:sp>
      <p:sp>
        <p:nvSpPr>
          <p:cNvPr id="5" name="Slide Number Placeholder 4">
            <a:extLst>
              <a:ext uri="{FF2B5EF4-FFF2-40B4-BE49-F238E27FC236}">
                <a16:creationId xmlns:a16="http://schemas.microsoft.com/office/drawing/2014/main" id="{013688BC-E96A-56DB-95CC-EC82E695C22C}"/>
              </a:ext>
            </a:extLst>
          </p:cNvPr>
          <p:cNvSpPr>
            <a:spLocks noGrp="1"/>
          </p:cNvSpPr>
          <p:nvPr>
            <p:ph type="sldNum" sz="quarter" idx="15"/>
          </p:nvPr>
        </p:nvSpPr>
        <p:spPr/>
        <p:txBody>
          <a:bodyPr/>
          <a:lstStyle/>
          <a:p>
            <a:fld id="{B64FCF4A-2F3F-4397-9C44-D2344643394B}" type="slidenum">
              <a:rPr lang="fi-FI" smtClean="0"/>
              <a:pPr/>
              <a:t>39</a:t>
            </a:fld>
            <a:endParaRPr lang="fi-FI"/>
          </a:p>
        </p:txBody>
      </p:sp>
      <p:sp>
        <p:nvSpPr>
          <p:cNvPr id="17" name="Content Placeholder 16">
            <a:extLst>
              <a:ext uri="{FF2B5EF4-FFF2-40B4-BE49-F238E27FC236}">
                <a16:creationId xmlns:a16="http://schemas.microsoft.com/office/drawing/2014/main" id="{7D837453-0E8F-7F7C-D8D9-5DE06628A1A7}"/>
              </a:ext>
            </a:extLst>
          </p:cNvPr>
          <p:cNvSpPr>
            <a:spLocks noGrp="1"/>
          </p:cNvSpPr>
          <p:nvPr>
            <p:ph sz="quarter" idx="10"/>
          </p:nvPr>
        </p:nvSpPr>
        <p:spPr>
          <a:xfrm>
            <a:off x="695326" y="2009663"/>
            <a:ext cx="6298142" cy="3991822"/>
          </a:xfrm>
        </p:spPr>
        <p:txBody>
          <a:bodyPr/>
          <a:lstStyle/>
          <a:p>
            <a:r>
              <a:rPr lang="fi-FI"/>
              <a:t>EU:n tekoälysäädös asettaa velvoitteita ja rajoituksia tekoälyn käytölle. Myös muut lait ja säädökset vaikuttavat tekoälyn käyttöön.  </a:t>
            </a:r>
          </a:p>
          <a:p>
            <a:r>
              <a:rPr lang="fi-FI"/>
              <a:t>Hyvinvointialueilla tekoälyn käyttö vaatii riskien ja vaikutusten arviointia sekä tietosuojan, eettisyyden ja järjestelmien valvonnan huomioimista.  </a:t>
            </a:r>
          </a:p>
          <a:p>
            <a:r>
              <a:rPr lang="fi-FI"/>
              <a:t>Henkilöstön tekoälyosaamisen kehittäminen on keskeistä tekoälyn vastuullisen käytön varmistamiseksi.  </a:t>
            </a:r>
          </a:p>
          <a:p>
            <a:r>
              <a:rPr lang="fi-FI"/>
              <a:t>Sääntelytoimenpiteet riippuvat tekoälyjärjestelmän käyttötarkoituksesta ja riskiluokituksesta, ja toimintamallit voivat vaihdella organisaatioittain. </a:t>
            </a:r>
          </a:p>
        </p:txBody>
      </p:sp>
      <p:sp>
        <p:nvSpPr>
          <p:cNvPr id="29" name="Graphic 44">
            <a:extLst>
              <a:ext uri="{FF2B5EF4-FFF2-40B4-BE49-F238E27FC236}">
                <a16:creationId xmlns:a16="http://schemas.microsoft.com/office/drawing/2014/main" id="{2A1F69B6-AFB6-784D-902B-BA7E631835AC}"/>
              </a:ext>
            </a:extLst>
          </p:cNvPr>
          <p:cNvSpPr txBox="1">
            <a:spLocks/>
          </p:cNvSpPr>
          <p:nvPr/>
        </p:nvSpPr>
        <p:spPr>
          <a:xfrm>
            <a:off x="7693076" y="1916113"/>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ORGANISAATION VASTUUT </a:t>
            </a:r>
          </a:p>
          <a:p>
            <a:r>
              <a:rPr lang="fi-FI" sz="1200" spc="-30">
                <a:solidFill>
                  <a:schemeClr val="tx1"/>
                </a:solidFill>
              </a:rPr>
              <a:t>Organisaatioiden tulee varmistaa järjestelmien säädöstenmukaisuus, henkilöstön riittävä tekoälyn lukutaito sekä ohjeistukset tekoälyn käyttöön. </a:t>
            </a:r>
          </a:p>
        </p:txBody>
      </p:sp>
      <p:sp>
        <p:nvSpPr>
          <p:cNvPr id="3" name="Graphic 44">
            <a:extLst>
              <a:ext uri="{FF2B5EF4-FFF2-40B4-BE49-F238E27FC236}">
                <a16:creationId xmlns:a16="http://schemas.microsoft.com/office/drawing/2014/main" id="{00C1CD1C-0A01-0112-0D23-EBF67B56A73F}"/>
              </a:ext>
            </a:extLst>
          </p:cNvPr>
          <p:cNvSpPr txBox="1">
            <a:spLocks/>
          </p:cNvSpPr>
          <p:nvPr/>
        </p:nvSpPr>
        <p:spPr>
          <a:xfrm>
            <a:off x="7693076" y="3191794"/>
            <a:ext cx="3682178" cy="1275682"/>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TYÖNTEKIJÄN VASTUUT </a:t>
            </a:r>
          </a:p>
          <a:p>
            <a:r>
              <a:rPr lang="fi-FI" sz="1200" spc="-30">
                <a:solidFill>
                  <a:schemeClr val="tx1"/>
                </a:solidFill>
              </a:rPr>
              <a:t>Työntekijällä on vastuu oman tekoälyn lukutaidon kehittämisestä ja tekoälyn tarkoituksenmukaisesta käytöstä ja sen tuottamien tulosten arvioinnista</a:t>
            </a:r>
          </a:p>
          <a:p>
            <a:endParaRPr lang="fi-FI" sz="1200" b="1" spc="-30">
              <a:solidFill>
                <a:schemeClr val="tx1"/>
              </a:solidFill>
            </a:endParaRPr>
          </a:p>
        </p:txBody>
      </p:sp>
    </p:spTree>
    <p:extLst>
      <p:ext uri="{BB962C8B-B14F-4D97-AF65-F5344CB8AC3E}">
        <p14:creationId xmlns:p14="http://schemas.microsoft.com/office/powerpoint/2010/main" val="8402327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447B4D-C286-17CA-0E8E-1F89AFCB4B3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9014EBE-F17E-3FC2-AB1A-0C3609904987}"/>
              </a:ext>
            </a:extLst>
          </p:cNvPr>
          <p:cNvSpPr>
            <a:spLocks noGrp="1"/>
          </p:cNvSpPr>
          <p:nvPr>
            <p:ph type="title"/>
          </p:nvPr>
        </p:nvSpPr>
        <p:spPr/>
        <p:txBody>
          <a:bodyPr/>
          <a:lstStyle/>
          <a:p>
            <a:r>
              <a:rPr lang="fi-FI" noProof="0"/>
              <a:t>Oppaan lukuohje</a:t>
            </a:r>
          </a:p>
        </p:txBody>
      </p:sp>
      <p:sp>
        <p:nvSpPr>
          <p:cNvPr id="6" name="Slide Number Placeholder 5">
            <a:extLst>
              <a:ext uri="{FF2B5EF4-FFF2-40B4-BE49-F238E27FC236}">
                <a16:creationId xmlns:a16="http://schemas.microsoft.com/office/drawing/2014/main" id="{D9971F58-720C-97D0-EB4F-BA4D05E32A7A}"/>
              </a:ext>
            </a:extLst>
          </p:cNvPr>
          <p:cNvSpPr>
            <a:spLocks noGrp="1"/>
          </p:cNvSpPr>
          <p:nvPr>
            <p:ph type="sldNum" sz="quarter" idx="16"/>
          </p:nvPr>
        </p:nvSpPr>
        <p:spPr/>
        <p:txBody>
          <a:bodyPr/>
          <a:lstStyle/>
          <a:p>
            <a:fld id="{B64FCF4A-2F3F-4397-9C44-D2344643394B}" type="slidenum">
              <a:rPr lang="fi-FI" noProof="0" smtClean="0"/>
              <a:pPr/>
              <a:t>4</a:t>
            </a:fld>
            <a:endParaRPr lang="fi-FI" noProof="0"/>
          </a:p>
        </p:txBody>
      </p:sp>
      <p:sp>
        <p:nvSpPr>
          <p:cNvPr id="5" name="Content Placeholder 4">
            <a:extLst>
              <a:ext uri="{FF2B5EF4-FFF2-40B4-BE49-F238E27FC236}">
                <a16:creationId xmlns:a16="http://schemas.microsoft.com/office/drawing/2014/main" id="{0CE53C68-14BD-5AB7-3FA4-AA17DECF83FE}"/>
              </a:ext>
            </a:extLst>
          </p:cNvPr>
          <p:cNvSpPr>
            <a:spLocks noGrp="1"/>
          </p:cNvSpPr>
          <p:nvPr>
            <p:ph sz="quarter" idx="10"/>
          </p:nvPr>
        </p:nvSpPr>
        <p:spPr>
          <a:xfrm>
            <a:off x="695323" y="2010322"/>
            <a:ext cx="5078942" cy="3991822"/>
          </a:xfrm>
        </p:spPr>
        <p:txBody>
          <a:bodyPr vert="horz" lIns="0" tIns="0" rIns="0" bIns="0" rtlCol="0" anchor="t">
            <a:noAutofit/>
          </a:bodyPr>
          <a:lstStyle/>
          <a:p>
            <a:pPr marL="7620" indent="0">
              <a:buNone/>
            </a:pPr>
            <a:r>
              <a:rPr lang="fi-FI" sz="1400"/>
              <a:t>Jokaisella oppaan luvulla on samanlainen rakenne. </a:t>
            </a:r>
            <a:endParaRPr lang="en-US"/>
          </a:p>
          <a:p>
            <a:pPr indent="-169545"/>
            <a:r>
              <a:rPr lang="fi-FI" sz="1400" b="1"/>
              <a:t>Aloitussivu </a:t>
            </a:r>
            <a:r>
              <a:rPr lang="fi-FI" sz="1400"/>
              <a:t>– Tämä sivu kertoo milloin uusi luku alkaa. </a:t>
            </a:r>
          </a:p>
          <a:p>
            <a:pPr indent="-169545"/>
            <a:r>
              <a:rPr lang="fi-FI" sz="1400" b="1"/>
              <a:t>Sisältö ja oppimistavoitteet </a:t>
            </a:r>
            <a:r>
              <a:rPr lang="fi-FI" sz="1400"/>
              <a:t>– Täältä löydät luvun keskeiset sisällöt ja tavoitteet.</a:t>
            </a:r>
          </a:p>
          <a:p>
            <a:pPr indent="-169545"/>
            <a:r>
              <a:rPr lang="fi-FI" sz="1400" b="1"/>
              <a:t>Teoriasivut – </a:t>
            </a:r>
            <a:r>
              <a:rPr lang="fi-FI" sz="1400"/>
              <a:t>Nämä sivut tarjoavat perustiedot aiheesta ja selittävät tärkeimmät käsitteet.</a:t>
            </a:r>
          </a:p>
          <a:p>
            <a:pPr indent="-169545"/>
            <a:r>
              <a:rPr lang="fi-FI" sz="1400" b="1"/>
              <a:t>Toimialakohtaiset ja soveltavat esimerkit </a:t>
            </a:r>
            <a:r>
              <a:rPr lang="fi-FI" sz="1400"/>
              <a:t>– Esimerkit omalta toimialaltasi ja soveltavat apukysymykset auttavat soveltamaan oppimaasi käytännössä. Voit hypätä muiden toimialojen esimerkkien ylitse.</a:t>
            </a:r>
          </a:p>
          <a:p>
            <a:pPr indent="-169545"/>
            <a:r>
              <a:rPr lang="fi-FI" sz="1400" b="1"/>
              <a:t>Yhteenveto – </a:t>
            </a:r>
            <a:r>
              <a:rPr lang="fi-FI" sz="1400"/>
              <a:t>Yhteenvedosta löydät kiteytyksen luvun pääaiheista ja käsitteistä.</a:t>
            </a:r>
          </a:p>
          <a:p>
            <a:pPr marL="7620" indent="0">
              <a:buNone/>
            </a:pPr>
            <a:r>
              <a:rPr lang="fi-FI" sz="1400"/>
              <a:t>Oppaan lopusta löydät tarkistuskysymykset, joilla voit arvioida oppimistasi. Mallivastauksista löydät myös vastausten selitykset. 
</a:t>
            </a:r>
            <a:endParaRPr lang="fi-FI" sz="1400" noProof="0"/>
          </a:p>
        </p:txBody>
      </p:sp>
      <p:sp>
        <p:nvSpPr>
          <p:cNvPr id="14" name="Content Placeholder 13">
            <a:extLst>
              <a:ext uri="{FF2B5EF4-FFF2-40B4-BE49-F238E27FC236}">
                <a16:creationId xmlns:a16="http://schemas.microsoft.com/office/drawing/2014/main" id="{026CED2D-6DA4-96D7-AF87-61B3CC6E518F}"/>
              </a:ext>
            </a:extLst>
          </p:cNvPr>
          <p:cNvSpPr>
            <a:spLocks noGrp="1"/>
          </p:cNvSpPr>
          <p:nvPr>
            <p:ph sz="quarter" idx="18"/>
          </p:nvPr>
        </p:nvSpPr>
        <p:spPr>
          <a:xfrm>
            <a:off x="6417733" y="2010322"/>
            <a:ext cx="5078942" cy="3991822"/>
          </a:xfrm>
        </p:spPr>
        <p:txBody>
          <a:bodyPr/>
          <a:lstStyle/>
          <a:p>
            <a:pPr marL="7937" indent="0">
              <a:buNone/>
            </a:pPr>
            <a:r>
              <a:rPr lang="fi-FI" sz="1400"/>
              <a:t>Väriluokittelu auttaa oppaan käytössä. </a:t>
            </a:r>
          </a:p>
          <a:p>
            <a:r>
              <a:rPr lang="fi-FI" sz="1400"/>
              <a:t>Teoriasivut on merkitty valkoisella pohjalla.</a:t>
            </a:r>
          </a:p>
          <a:p>
            <a:r>
              <a:rPr lang="fi-FI" sz="1400"/>
              <a:t>Soveltavat toimialakohtaiset esimerkit löytyvät vaaleansinisiltä sivuilta. </a:t>
            </a:r>
          </a:p>
          <a:p>
            <a:r>
              <a:rPr lang="fi-FI" sz="1400"/>
              <a:t>Toimialakohtaiset esimerkit ovat eroteltu yläkulmassa olevan väriluokituksen mukaan seuraavasti: </a:t>
            </a:r>
          </a:p>
          <a:p>
            <a:pPr lvl="1"/>
            <a:r>
              <a:rPr lang="fi-FI" sz="1400">
                <a:solidFill>
                  <a:schemeClr val="tx2">
                    <a:lumMod val="75000"/>
                  </a:schemeClr>
                </a:solidFill>
              </a:rPr>
              <a:t>Sosiaalihuolto – harmaa</a:t>
            </a:r>
          </a:p>
          <a:p>
            <a:pPr lvl="1"/>
            <a:r>
              <a:rPr lang="fi-FI" sz="1400">
                <a:solidFill>
                  <a:schemeClr val="tx2">
                    <a:lumMod val="75000"/>
                  </a:schemeClr>
                </a:solidFill>
              </a:rPr>
              <a:t>Terveydenhuolto – vaaleanpunainen</a:t>
            </a:r>
          </a:p>
          <a:p>
            <a:pPr lvl="1"/>
            <a:r>
              <a:rPr lang="fi-FI" sz="1400">
                <a:solidFill>
                  <a:schemeClr val="tx2">
                    <a:lumMod val="75000"/>
                  </a:schemeClr>
                </a:solidFill>
              </a:rPr>
              <a:t>Pelastustoimi – oranssi</a:t>
            </a:r>
          </a:p>
          <a:p>
            <a:pPr lvl="1"/>
            <a:r>
              <a:rPr lang="fi-FI" sz="1400">
                <a:solidFill>
                  <a:schemeClr val="tx2">
                    <a:lumMod val="75000"/>
                  </a:schemeClr>
                </a:solidFill>
              </a:rPr>
              <a:t>Hallinto – sininen</a:t>
            </a:r>
          </a:p>
          <a:p>
            <a:pPr marL="7937" indent="0">
              <a:buNone/>
            </a:pPr>
            <a:r>
              <a:rPr lang="fi-FI" sz="1400"/>
              <a:t>Hyödynnä väriluokittelua löytääksesi oman toimialasi esimerkit.</a:t>
            </a:r>
            <a:endParaRPr lang="fi-FI" sz="1400" noProof="0"/>
          </a:p>
        </p:txBody>
      </p:sp>
      <p:grpSp>
        <p:nvGrpSpPr>
          <p:cNvPr id="10" name="Group 9">
            <a:extLst>
              <a:ext uri="{FF2B5EF4-FFF2-40B4-BE49-F238E27FC236}">
                <a16:creationId xmlns:a16="http://schemas.microsoft.com/office/drawing/2014/main" id="{4DA7C671-2101-CD64-629B-5008010F9A5E}"/>
              </a:ext>
              <a:ext uri="{C183D7F6-B498-43B3-948B-1728B52AA6E4}">
                <adec:decorative xmlns:adec="http://schemas.microsoft.com/office/drawing/2017/decorative" val="1"/>
              </a:ext>
            </a:extLst>
          </p:cNvPr>
          <p:cNvGrpSpPr/>
          <p:nvPr/>
        </p:nvGrpSpPr>
        <p:grpSpPr>
          <a:xfrm>
            <a:off x="6417733" y="3754158"/>
            <a:ext cx="250790" cy="1005855"/>
            <a:chOff x="4285616" y="2675863"/>
            <a:chExt cx="696311" cy="2792731"/>
          </a:xfrm>
        </p:grpSpPr>
        <p:sp>
          <p:nvSpPr>
            <p:cNvPr id="11" name="Graphic 53">
              <a:extLst>
                <a:ext uri="{FF2B5EF4-FFF2-40B4-BE49-F238E27FC236}">
                  <a16:creationId xmlns:a16="http://schemas.microsoft.com/office/drawing/2014/main" id="{61F871CC-D957-32B6-E307-2C19A91CCF5C}"/>
                </a:ext>
              </a:extLst>
            </p:cNvPr>
            <p:cNvSpPr/>
            <p:nvPr/>
          </p:nvSpPr>
          <p:spPr>
            <a:xfrm>
              <a:off x="4285616" y="2675863"/>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tx2"/>
            </a:solidFill>
            <a:ln w="2286" cap="flat">
              <a:noFill/>
              <a:prstDash val="solid"/>
              <a:miter/>
            </a:ln>
          </p:spPr>
          <p:txBody>
            <a:bodyPr rtlCol="0" anchor="ctr"/>
            <a:lstStyle/>
            <a:p>
              <a:pPr algn="ctr"/>
              <a:endParaRPr lang="fi-FI" kern="1000" spc="-30"/>
            </a:p>
          </p:txBody>
        </p:sp>
        <p:sp>
          <p:nvSpPr>
            <p:cNvPr id="12" name="Graphic 53">
              <a:extLst>
                <a:ext uri="{FF2B5EF4-FFF2-40B4-BE49-F238E27FC236}">
                  <a16:creationId xmlns:a16="http://schemas.microsoft.com/office/drawing/2014/main" id="{ECD58206-80FE-352E-FB75-FCF0E3155941}"/>
                </a:ext>
              </a:extLst>
            </p:cNvPr>
            <p:cNvSpPr/>
            <p:nvPr/>
          </p:nvSpPr>
          <p:spPr>
            <a:xfrm>
              <a:off x="4295775" y="3404843"/>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accent6">
                <a:lumMod val="60000"/>
                <a:lumOff val="40000"/>
              </a:schemeClr>
            </a:solidFill>
            <a:ln w="2286" cap="flat">
              <a:noFill/>
              <a:prstDash val="solid"/>
              <a:miter/>
            </a:ln>
          </p:spPr>
          <p:txBody>
            <a:bodyPr rtlCol="0" anchor="ctr"/>
            <a:lstStyle/>
            <a:p>
              <a:pPr algn="ctr"/>
              <a:endParaRPr lang="fi-FI" kern="1000" spc="-30"/>
            </a:p>
          </p:txBody>
        </p:sp>
        <p:sp>
          <p:nvSpPr>
            <p:cNvPr id="13" name="Graphic 53">
              <a:extLst>
                <a:ext uri="{FF2B5EF4-FFF2-40B4-BE49-F238E27FC236}">
                  <a16:creationId xmlns:a16="http://schemas.microsoft.com/office/drawing/2014/main" id="{9D7D01AF-7C34-0912-B460-1147E312A256}"/>
                </a:ext>
              </a:extLst>
            </p:cNvPr>
            <p:cNvSpPr/>
            <p:nvPr/>
          </p:nvSpPr>
          <p:spPr>
            <a:xfrm>
              <a:off x="4305934" y="4133823"/>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accent4"/>
            </a:solidFill>
            <a:ln w="2286" cap="flat">
              <a:noFill/>
              <a:prstDash val="solid"/>
              <a:miter/>
            </a:ln>
          </p:spPr>
          <p:txBody>
            <a:bodyPr rtlCol="0" anchor="ctr"/>
            <a:lstStyle/>
            <a:p>
              <a:pPr algn="ctr"/>
              <a:endParaRPr lang="fi-FI" kern="1000" spc="-30"/>
            </a:p>
          </p:txBody>
        </p:sp>
        <p:sp>
          <p:nvSpPr>
            <p:cNvPr id="17" name="Graphic 53">
              <a:extLst>
                <a:ext uri="{FF2B5EF4-FFF2-40B4-BE49-F238E27FC236}">
                  <a16:creationId xmlns:a16="http://schemas.microsoft.com/office/drawing/2014/main" id="{880E68A1-2872-C9A6-76C7-5C82DDD70D76}"/>
                </a:ext>
              </a:extLst>
            </p:cNvPr>
            <p:cNvSpPr/>
            <p:nvPr/>
          </p:nvSpPr>
          <p:spPr>
            <a:xfrm>
              <a:off x="4316093" y="4862804"/>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accent3"/>
            </a:solidFill>
            <a:ln w="2286" cap="flat">
              <a:noFill/>
              <a:prstDash val="solid"/>
              <a:miter/>
            </a:ln>
          </p:spPr>
          <p:txBody>
            <a:bodyPr rtlCol="0" anchor="ctr"/>
            <a:lstStyle/>
            <a:p>
              <a:pPr algn="ctr"/>
              <a:endParaRPr lang="fi-FI" kern="1000" spc="-30"/>
            </a:p>
          </p:txBody>
        </p:sp>
      </p:grpSp>
    </p:spTree>
    <p:extLst>
      <p:ext uri="{BB962C8B-B14F-4D97-AF65-F5344CB8AC3E}">
        <p14:creationId xmlns:p14="http://schemas.microsoft.com/office/powerpoint/2010/main" val="1266767359"/>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5C640D4D-0A57-DD52-F87F-F193C1B0938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101A2B4-88B4-1C1D-73BB-122641C31382}"/>
              </a:ext>
            </a:extLst>
          </p:cNvPr>
          <p:cNvSpPr>
            <a:spLocks noGrp="1"/>
          </p:cNvSpPr>
          <p:nvPr>
            <p:ph type="title"/>
          </p:nvPr>
        </p:nvSpPr>
        <p:spPr>
          <a:xfrm>
            <a:off x="679141" y="739366"/>
            <a:ext cx="8181524" cy="2970089"/>
          </a:xfrm>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DDFFA7EF-0086-4F4C-800B-1A85A26F1587}"/>
              </a:ext>
            </a:extLst>
          </p:cNvPr>
          <p:cNvSpPr>
            <a:spLocks noGrp="1"/>
          </p:cNvSpPr>
          <p:nvPr>
            <p:ph type="sldNum" sz="quarter" idx="16"/>
          </p:nvPr>
        </p:nvSpPr>
        <p:spPr/>
        <p:txBody>
          <a:bodyPr/>
          <a:lstStyle/>
          <a:p>
            <a:fld id="{B64FCF4A-2F3F-4397-9C44-D2344643394B}" type="slidenum">
              <a:rPr lang="fi-FI" smtClean="0"/>
              <a:pPr/>
              <a:t>40</a:t>
            </a:fld>
            <a:endParaRPr lang="fi-FI"/>
          </a:p>
        </p:txBody>
      </p:sp>
    </p:spTree>
    <p:extLst>
      <p:ext uri="{BB962C8B-B14F-4D97-AF65-F5344CB8AC3E}">
        <p14:creationId xmlns:p14="http://schemas.microsoft.com/office/powerpoint/2010/main" val="2572836576"/>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5B7897-10A4-193E-0A1D-15D5A7571D6A}"/>
            </a:ext>
          </a:extLst>
        </p:cNvPr>
        <p:cNvGrpSpPr/>
        <p:nvPr/>
      </p:nvGrpSpPr>
      <p:grpSpPr>
        <a:xfrm>
          <a:off x="0" y="0"/>
          <a:ext cx="0" cy="0"/>
          <a:chOff x="0" y="0"/>
          <a:chExt cx="0" cy="0"/>
        </a:xfrm>
      </p:grpSpPr>
      <p:pic>
        <p:nvPicPr>
          <p:cNvPr id="4" name="Graphic 3">
            <a:extLst>
              <a:ext uri="{FF2B5EF4-FFF2-40B4-BE49-F238E27FC236}">
                <a16:creationId xmlns:a16="http://schemas.microsoft.com/office/drawing/2014/main" id="{05561CD2-2621-2ECB-F500-675BF8B3F9B4}"/>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2" name="Title 1">
            <a:extLst>
              <a:ext uri="{FF2B5EF4-FFF2-40B4-BE49-F238E27FC236}">
                <a16:creationId xmlns:a16="http://schemas.microsoft.com/office/drawing/2014/main" id="{630AED5E-1C26-D757-C1E3-E3C551E8BFCA}"/>
              </a:ext>
            </a:extLst>
          </p:cNvPr>
          <p:cNvSpPr>
            <a:spLocks noGrp="1"/>
          </p:cNvSpPr>
          <p:nvPr>
            <p:ph type="title"/>
          </p:nvPr>
        </p:nvSpPr>
        <p:spPr/>
        <p:txBody>
          <a:bodyPr/>
          <a:lstStyle/>
          <a:p>
            <a:r>
              <a:rPr lang="fi-FI"/>
              <a:t>Tarkistuskysymykset ja mallivastaukset</a:t>
            </a:r>
          </a:p>
        </p:txBody>
      </p:sp>
      <p:sp>
        <p:nvSpPr>
          <p:cNvPr id="33" name="Text Placeholder 32">
            <a:extLst>
              <a:ext uri="{FF2B5EF4-FFF2-40B4-BE49-F238E27FC236}">
                <a16:creationId xmlns:a16="http://schemas.microsoft.com/office/drawing/2014/main" id="{FC903AC6-A0E6-C097-99FF-83C395C109BB}"/>
              </a:ext>
            </a:extLst>
          </p:cNvPr>
          <p:cNvSpPr>
            <a:spLocks noGrp="1"/>
          </p:cNvSpPr>
          <p:nvPr>
            <p:ph type="body" sz="quarter" idx="13"/>
          </p:nvPr>
        </p:nvSpPr>
        <p:spPr/>
        <p:txBody>
          <a:bodyPr/>
          <a:lstStyle/>
          <a:p>
            <a:r>
              <a:rPr lang="fi-FI"/>
              <a:t>6. Tarkistuskysymykset ja mallivastaukset</a:t>
            </a:r>
          </a:p>
        </p:txBody>
      </p:sp>
      <p:sp>
        <p:nvSpPr>
          <p:cNvPr id="8" name="Slide Number Placeholder 7">
            <a:extLst>
              <a:ext uri="{FF2B5EF4-FFF2-40B4-BE49-F238E27FC236}">
                <a16:creationId xmlns:a16="http://schemas.microsoft.com/office/drawing/2014/main" id="{6FAB6E2B-1CA8-9DCF-02D7-173306A13D0E}"/>
              </a:ext>
            </a:extLst>
          </p:cNvPr>
          <p:cNvSpPr>
            <a:spLocks noGrp="1"/>
          </p:cNvSpPr>
          <p:nvPr>
            <p:ph type="sldNum" sz="quarter" idx="15"/>
          </p:nvPr>
        </p:nvSpPr>
        <p:spPr/>
        <p:txBody>
          <a:bodyPr/>
          <a:lstStyle/>
          <a:p>
            <a:fld id="{B64FCF4A-2F3F-4397-9C44-D2344643394B}" type="slidenum">
              <a:rPr lang="fi-FI" smtClean="0"/>
              <a:pPr/>
              <a:t>41</a:t>
            </a:fld>
            <a:endParaRPr lang="fi-FI"/>
          </a:p>
        </p:txBody>
      </p:sp>
      <p:sp>
        <p:nvSpPr>
          <p:cNvPr id="5" name="Content Placeholder 4">
            <a:extLst>
              <a:ext uri="{FF2B5EF4-FFF2-40B4-BE49-F238E27FC236}">
                <a16:creationId xmlns:a16="http://schemas.microsoft.com/office/drawing/2014/main" id="{5752C32A-8CD7-5892-A9B4-71AD7BEBE7DB}"/>
              </a:ext>
            </a:extLst>
          </p:cNvPr>
          <p:cNvSpPr>
            <a:spLocks noGrp="1"/>
          </p:cNvSpPr>
          <p:nvPr>
            <p:ph sz="quarter" idx="10"/>
          </p:nvPr>
        </p:nvSpPr>
        <p:spPr/>
        <p:txBody>
          <a:bodyPr/>
          <a:lstStyle/>
          <a:p>
            <a:pPr marL="7937" indent="0">
              <a:buNone/>
            </a:pPr>
            <a:r>
              <a:rPr lang="fi-FI"/>
              <a:t>Tarkistuskysymysten avulla voit testata tietosi tekoälystä. Mallivastauksista löydät oikeat vastaukset sekä tarkemmat selitykset ja perustelut.</a:t>
            </a:r>
          </a:p>
          <a:p>
            <a:pPr marL="7937" indent="0">
              <a:buNone/>
            </a:pPr>
            <a:endParaRPr lang="fi-FI"/>
          </a:p>
          <a:p>
            <a:pPr marL="7937" indent="0">
              <a:buNone/>
            </a:pPr>
            <a:endParaRPr lang="fi-FI"/>
          </a:p>
          <a:p>
            <a:pPr marL="7937" indent="0">
              <a:buNone/>
            </a:pPr>
            <a:r>
              <a:rPr lang="fi-FI">
                <a:latin typeface="+mj-lt"/>
              </a:rPr>
              <a:t>Tarkistuskysymykset</a:t>
            </a:r>
          </a:p>
          <a:p>
            <a:pPr marL="7937" indent="0">
              <a:buNone/>
            </a:pPr>
            <a:r>
              <a:rPr lang="fi-FI">
                <a:latin typeface="+mj-lt"/>
              </a:rPr>
              <a:t>Mallivastaukset</a:t>
            </a:r>
          </a:p>
        </p:txBody>
      </p:sp>
      <p:sp>
        <p:nvSpPr>
          <p:cNvPr id="54" name="TextBox 53">
            <a:extLst>
              <a:ext uri="{FF2B5EF4-FFF2-40B4-BE49-F238E27FC236}">
                <a16:creationId xmlns:a16="http://schemas.microsoft.com/office/drawing/2014/main" id="{DA5676CC-D2FF-E9E0-3031-8195C24538EB}"/>
              </a:ext>
            </a:extLst>
          </p:cNvPr>
          <p:cNvSpPr txBox="1"/>
          <p:nvPr/>
        </p:nvSpPr>
        <p:spPr>
          <a:xfrm>
            <a:off x="7896226" y="969921"/>
            <a:ext cx="3396614" cy="1569660"/>
          </a:xfrm>
          <a:prstGeom prst="rect">
            <a:avLst/>
          </a:prstGeom>
          <a:noFill/>
        </p:spPr>
        <p:txBody>
          <a:bodyPr wrap="square">
            <a:spAutoFit/>
          </a:bodyPr>
          <a:lstStyle/>
          <a:p>
            <a:r>
              <a:rPr lang="fi-FI">
                <a:latin typeface="+mj-lt"/>
                <a:cs typeface="Cadiz Book (Body)" panose="020B0604020202020204"/>
              </a:rPr>
              <a:t>Oppimistavoitteet</a:t>
            </a:r>
            <a:br>
              <a:rPr lang="fi-FI">
                <a:latin typeface="+mj-lt"/>
                <a:cs typeface="Cadiz Book (Body)" panose="020B0604020202020204"/>
              </a:rPr>
            </a:br>
            <a:endParaRPr lang="fi-FI">
              <a:latin typeface="+mj-lt"/>
              <a:cs typeface="Cadiz Book (Body)" panose="020B0604020202020204"/>
            </a:endParaRPr>
          </a:p>
          <a:p>
            <a:pPr marL="285750" indent="-285750">
              <a:buFont typeface="Wingdings" panose="05000000000000000000" pitchFamily="2" charset="2"/>
              <a:buChar char="ü"/>
            </a:pPr>
            <a:r>
              <a:rPr lang="fi-FI" sz="1400"/>
              <a:t>Varmistaa ymmärryksesi tekoälyn lukutaidon merkityksestä ja tekoälyn lukutaidon perusteista</a:t>
            </a:r>
          </a:p>
          <a:p>
            <a:pPr marL="285750" indent="-285750">
              <a:buFont typeface="Wingdings" panose="05000000000000000000" pitchFamily="2" charset="2"/>
              <a:buChar char="ü"/>
            </a:pPr>
            <a:endParaRPr lang="fi-FI">
              <a:latin typeface="+mj-lt"/>
              <a:cs typeface="Cadiz Book (Body)" panose="020B0604020202020204"/>
            </a:endParaRPr>
          </a:p>
        </p:txBody>
      </p:sp>
    </p:spTree>
    <p:extLst>
      <p:ext uri="{BB962C8B-B14F-4D97-AF65-F5344CB8AC3E}">
        <p14:creationId xmlns:p14="http://schemas.microsoft.com/office/powerpoint/2010/main" val="1392799076"/>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D2D47B4-A3C1-AEE9-3D78-D75DFB2A4EB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4BF9497-4383-9A86-CD0E-F49CD788B030}"/>
              </a:ext>
            </a:extLst>
          </p:cNvPr>
          <p:cNvSpPr>
            <a:spLocks noGrp="1"/>
          </p:cNvSpPr>
          <p:nvPr>
            <p:ph type="title"/>
          </p:nvPr>
        </p:nvSpPr>
        <p:spPr/>
        <p:txBody>
          <a:bodyPr/>
          <a:lstStyle/>
          <a:p>
            <a:r>
              <a:rPr lang="fi-FI" noProof="0"/>
              <a:t>Tarkistuskysymykset</a:t>
            </a:r>
          </a:p>
        </p:txBody>
      </p:sp>
      <p:sp>
        <p:nvSpPr>
          <p:cNvPr id="5" name="Slide Number Placeholder 4">
            <a:extLst>
              <a:ext uri="{FF2B5EF4-FFF2-40B4-BE49-F238E27FC236}">
                <a16:creationId xmlns:a16="http://schemas.microsoft.com/office/drawing/2014/main" id="{6DB46D60-BC5B-8F58-3EBF-82AC342264B9}"/>
              </a:ext>
            </a:extLst>
          </p:cNvPr>
          <p:cNvSpPr>
            <a:spLocks noGrp="1"/>
          </p:cNvSpPr>
          <p:nvPr>
            <p:ph type="sldNum" sz="quarter" idx="16"/>
          </p:nvPr>
        </p:nvSpPr>
        <p:spPr/>
        <p:txBody>
          <a:bodyPr/>
          <a:lstStyle/>
          <a:p>
            <a:fld id="{B64FCF4A-2F3F-4397-9C44-D2344643394B}" type="slidenum">
              <a:rPr lang="fi-FI" smtClean="0"/>
              <a:pPr/>
              <a:t>42</a:t>
            </a:fld>
            <a:endParaRPr lang="fi-FI"/>
          </a:p>
        </p:txBody>
      </p:sp>
    </p:spTree>
    <p:extLst>
      <p:ext uri="{BB962C8B-B14F-4D97-AF65-F5344CB8AC3E}">
        <p14:creationId xmlns:p14="http://schemas.microsoft.com/office/powerpoint/2010/main" val="4045588644"/>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531E39CD-F19F-D0D4-7352-C17B6F2A833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E0B749-83E3-0375-7B5F-02E8D95BA902}"/>
              </a:ext>
            </a:extLst>
          </p:cNvPr>
          <p:cNvSpPr>
            <a:spLocks noGrp="1"/>
          </p:cNvSpPr>
          <p:nvPr>
            <p:ph type="title"/>
          </p:nvPr>
        </p:nvSpPr>
        <p:spPr/>
        <p:txBody>
          <a:bodyPr/>
          <a:lstStyle/>
          <a:p>
            <a:r>
              <a:rPr lang="fi-FI" noProof="0"/>
              <a:t>Tarkistuskysymykset (1/6)</a:t>
            </a:r>
          </a:p>
        </p:txBody>
      </p:sp>
      <p:sp>
        <p:nvSpPr>
          <p:cNvPr id="3" name="Text Placeholder 2">
            <a:extLst>
              <a:ext uri="{FF2B5EF4-FFF2-40B4-BE49-F238E27FC236}">
                <a16:creationId xmlns:a16="http://schemas.microsoft.com/office/drawing/2014/main" id="{19244D10-8550-0EED-F8E0-5C56A278AA6B}"/>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E1BB7767-2950-DEC3-0349-85F7C12E0251}"/>
              </a:ext>
            </a:extLst>
          </p:cNvPr>
          <p:cNvSpPr>
            <a:spLocks noGrp="1"/>
          </p:cNvSpPr>
          <p:nvPr>
            <p:ph type="sldNum" sz="quarter" idx="16"/>
          </p:nvPr>
        </p:nvSpPr>
        <p:spPr/>
        <p:txBody>
          <a:bodyPr/>
          <a:lstStyle/>
          <a:p>
            <a:fld id="{B64FCF4A-2F3F-4397-9C44-D2344643394B}" type="slidenum">
              <a:rPr lang="fi-FI" smtClean="0"/>
              <a:pPr/>
              <a:t>43</a:t>
            </a:fld>
            <a:endParaRPr lang="fi-FI"/>
          </a:p>
        </p:txBody>
      </p:sp>
      <p:sp>
        <p:nvSpPr>
          <p:cNvPr id="4" name="Content Placeholder 3">
            <a:extLst>
              <a:ext uri="{FF2B5EF4-FFF2-40B4-BE49-F238E27FC236}">
                <a16:creationId xmlns:a16="http://schemas.microsoft.com/office/drawing/2014/main" id="{61D4F641-6AB7-264B-5763-AF556734808D}"/>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p:txBody>
      </p:sp>
      <p:sp>
        <p:nvSpPr>
          <p:cNvPr id="7" name="Content Placeholder 6">
            <a:extLst>
              <a:ext uri="{FF2B5EF4-FFF2-40B4-BE49-F238E27FC236}">
                <a16:creationId xmlns:a16="http://schemas.microsoft.com/office/drawing/2014/main" id="{15ED0A00-6218-DCD9-C4D5-6DF96904D0D9}"/>
              </a:ext>
            </a:extLst>
          </p:cNvPr>
          <p:cNvSpPr>
            <a:spLocks noGrp="1"/>
          </p:cNvSpPr>
          <p:nvPr>
            <p:ph sz="quarter" idx="10"/>
          </p:nvPr>
        </p:nvSpPr>
        <p:spPr/>
        <p:txBody>
          <a:bodyPr/>
          <a:lstStyle/>
          <a:p>
            <a:pPr marL="7937" indent="0">
              <a:buNone/>
            </a:pPr>
            <a:r>
              <a:rPr lang="fi-FI" sz="1600" noProof="0">
                <a:solidFill>
                  <a:schemeClr val="tx1"/>
                </a:solidFill>
              </a:rPr>
              <a:t>1. Miksi tekoälyn lukutaito on tärkeää? </a:t>
            </a:r>
          </a:p>
          <a:p>
            <a:pPr marL="485775" lvl="1" indent="-342900">
              <a:buFont typeface="+mj-lt"/>
              <a:buAutoNum type="alphaUcPeriod"/>
            </a:pPr>
            <a:r>
              <a:rPr lang="fi-FI" sz="1400" noProof="0">
                <a:solidFill>
                  <a:schemeClr val="tx1"/>
                </a:solidFill>
              </a:rPr>
              <a:t>EU edellyttää, että tekoälyä käyttävät organisaatiot varmistavat, että niiden henkilöstöllä on riittävä ymmärrys tekoälystä ja työntekijöiden työssään käyttämistä ratkaisuista.</a:t>
            </a:r>
          </a:p>
          <a:p>
            <a:pPr marL="485775" lvl="1" indent="-342900">
              <a:buFont typeface="+mj-lt"/>
              <a:buAutoNum type="alphaUcPeriod"/>
            </a:pPr>
            <a:r>
              <a:rPr lang="fi-FI" sz="1400" noProof="0">
                <a:solidFill>
                  <a:schemeClr val="tx1"/>
                </a:solidFill>
              </a:rPr>
              <a:t>Tekoälyn lukutaito auttaa käyttäjää ymmärtämään tekoälyn toimintaa. </a:t>
            </a:r>
          </a:p>
          <a:p>
            <a:pPr marL="485775" lvl="1" indent="-342900">
              <a:buFont typeface="+mj-lt"/>
              <a:buAutoNum type="alphaUcPeriod"/>
            </a:pPr>
            <a:r>
              <a:rPr lang="fi-FI" sz="1400" noProof="0">
                <a:solidFill>
                  <a:schemeClr val="tx1"/>
                </a:solidFill>
              </a:rPr>
              <a:t>Tekoälyn lukutaito auttaa käyttäjää</a:t>
            </a:r>
            <a:r>
              <a:rPr lang="fi-FI" sz="1400">
                <a:solidFill>
                  <a:schemeClr val="tx1"/>
                </a:solidFill>
              </a:rPr>
              <a:t> hahmottamaan millaisia eettisiä kysymyksiä tekoälyn käyttöön liittyy.</a:t>
            </a:r>
          </a:p>
          <a:p>
            <a:pPr marL="485775" lvl="1" indent="-342900">
              <a:buFont typeface="+mj-lt"/>
              <a:buAutoNum type="alphaUcPeriod"/>
            </a:pPr>
            <a:r>
              <a:rPr lang="fi-FI" sz="1400" noProof="0">
                <a:solidFill>
                  <a:schemeClr val="tx1"/>
                </a:solidFill>
              </a:rPr>
              <a:t>Tekoälyn lukutaito ei ole minulle tärkeää</a:t>
            </a:r>
            <a:r>
              <a:rPr lang="fi-FI" sz="1400">
                <a:solidFill>
                  <a:schemeClr val="tx1"/>
                </a:solidFill>
              </a:rPr>
              <a:t>.</a:t>
            </a:r>
            <a:endParaRPr lang="fi-FI" sz="1400" noProof="0">
              <a:solidFill>
                <a:schemeClr val="tx1"/>
              </a:solidFill>
            </a:endParaRPr>
          </a:p>
          <a:p>
            <a:pPr marL="485775" lvl="1" indent="-342900">
              <a:buFont typeface="+mj-lt"/>
              <a:buAutoNum type="alphaUcPeriod"/>
            </a:pPr>
            <a:endParaRPr lang="fi-FI" sz="1400">
              <a:solidFill>
                <a:schemeClr val="tx1"/>
              </a:solidFill>
            </a:endParaRPr>
          </a:p>
        </p:txBody>
      </p:sp>
      <p:sp>
        <p:nvSpPr>
          <p:cNvPr id="6" name="Content Placeholder 5">
            <a:extLst>
              <a:ext uri="{FF2B5EF4-FFF2-40B4-BE49-F238E27FC236}">
                <a16:creationId xmlns:a16="http://schemas.microsoft.com/office/drawing/2014/main" id="{DCF4D8AD-01B9-7DF4-A918-9D8E1BB9B5D2}"/>
              </a:ext>
            </a:extLst>
          </p:cNvPr>
          <p:cNvSpPr>
            <a:spLocks noGrp="1"/>
          </p:cNvSpPr>
          <p:nvPr>
            <p:ph sz="quarter" idx="18"/>
          </p:nvPr>
        </p:nvSpPr>
        <p:spPr/>
        <p:txBody>
          <a:bodyPr/>
          <a:lstStyle/>
          <a:p>
            <a:pPr marL="7937" indent="0">
              <a:buNone/>
            </a:pPr>
            <a:r>
              <a:rPr lang="fi-FI" sz="1600">
                <a:solidFill>
                  <a:schemeClr val="tx1"/>
                </a:solidFill>
              </a:rPr>
              <a:t>2. </a:t>
            </a:r>
            <a:r>
              <a:rPr lang="fi-FI" sz="1600" noProof="0">
                <a:solidFill>
                  <a:schemeClr val="tx1"/>
                </a:solidFill>
              </a:rPr>
              <a:t> Mitä on tekoäly?</a:t>
            </a:r>
          </a:p>
          <a:p>
            <a:pPr marL="485775" lvl="1" indent="-342900">
              <a:buFont typeface="+mj-lt"/>
              <a:buAutoNum type="alphaUcPeriod"/>
            </a:pPr>
            <a:r>
              <a:rPr lang="fi-FI" sz="1400" noProof="0">
                <a:solidFill>
                  <a:schemeClr val="tx1"/>
                </a:solidFill>
              </a:rPr>
              <a:t>Tekoäly on vain robottien käytössä oleva teknologia, eikä sitä hyödynnetä muilla alueilla.</a:t>
            </a:r>
          </a:p>
          <a:p>
            <a:pPr marL="485775" lvl="1" indent="-342900">
              <a:buFont typeface="+mj-lt"/>
              <a:buAutoNum type="alphaUcPeriod"/>
            </a:pPr>
            <a:r>
              <a:rPr lang="fi-FI" sz="1400" noProof="0">
                <a:solidFill>
                  <a:schemeClr val="tx1"/>
                </a:solidFill>
              </a:rPr>
              <a:t>Se on yhteisnimitys teknologioille, jonka avulla koneet ja tietokoneohjelmat voivat suorittaa tehtäviä, jotka yleensä vaativat ihmisen älykkyyttä.</a:t>
            </a:r>
          </a:p>
          <a:p>
            <a:pPr marL="485775" lvl="1" indent="-342900">
              <a:buFont typeface="+mj-lt"/>
              <a:buAutoNum type="alphaUcPeriod"/>
            </a:pPr>
            <a:r>
              <a:rPr lang="fi-FI" sz="1400" noProof="0">
                <a:solidFill>
                  <a:schemeClr val="tx1"/>
                </a:solidFill>
              </a:rPr>
              <a:t>Koneiden kyky ratkaista tehtäviä ohjelmoitujen sääntöjen ja ohjeiden perusteella ja luomalla ratkaisukaavoja sille annetuista laajoista tietomääristä. </a:t>
            </a:r>
          </a:p>
          <a:p>
            <a:pPr marL="485775" lvl="1" indent="-342900">
              <a:buFont typeface="+mj-lt"/>
              <a:buAutoNum type="alphaUcPeriod"/>
            </a:pPr>
            <a:r>
              <a:rPr lang="fi-FI" sz="1400" noProof="0">
                <a:solidFill>
                  <a:schemeClr val="tx1"/>
                </a:solidFill>
              </a:rPr>
              <a:t>Tekoäly on ihmisten luoma taianomainen superkone, joka toimii ilman ohjelmointia tai dataa. </a:t>
            </a:r>
          </a:p>
        </p:txBody>
      </p:sp>
    </p:spTree>
    <p:extLst>
      <p:ext uri="{BB962C8B-B14F-4D97-AF65-F5344CB8AC3E}">
        <p14:creationId xmlns:p14="http://schemas.microsoft.com/office/powerpoint/2010/main" val="60638604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63533097-406D-95A6-754D-591142B7292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FCDD451-AE12-2847-2A7E-59089D801217}"/>
              </a:ext>
            </a:extLst>
          </p:cNvPr>
          <p:cNvSpPr>
            <a:spLocks noGrp="1"/>
          </p:cNvSpPr>
          <p:nvPr>
            <p:ph type="title"/>
          </p:nvPr>
        </p:nvSpPr>
        <p:spPr/>
        <p:txBody>
          <a:bodyPr/>
          <a:lstStyle/>
          <a:p>
            <a:r>
              <a:rPr lang="fi-FI" noProof="0"/>
              <a:t>Tarkistuskysymykset (2/6)</a:t>
            </a:r>
          </a:p>
        </p:txBody>
      </p:sp>
      <p:sp>
        <p:nvSpPr>
          <p:cNvPr id="3" name="Text Placeholder 2">
            <a:extLst>
              <a:ext uri="{FF2B5EF4-FFF2-40B4-BE49-F238E27FC236}">
                <a16:creationId xmlns:a16="http://schemas.microsoft.com/office/drawing/2014/main" id="{F4D82882-6DB2-247C-5EA9-044FCE85376F}"/>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E4A62DDC-8690-811B-A294-B6F1076B50F9}"/>
              </a:ext>
            </a:extLst>
          </p:cNvPr>
          <p:cNvSpPr>
            <a:spLocks noGrp="1"/>
          </p:cNvSpPr>
          <p:nvPr>
            <p:ph type="sldNum" sz="quarter" idx="16"/>
          </p:nvPr>
        </p:nvSpPr>
        <p:spPr/>
        <p:txBody>
          <a:bodyPr/>
          <a:lstStyle/>
          <a:p>
            <a:fld id="{B64FCF4A-2F3F-4397-9C44-D2344643394B}" type="slidenum">
              <a:rPr lang="fi-FI" smtClean="0"/>
              <a:pPr/>
              <a:t>44</a:t>
            </a:fld>
            <a:endParaRPr lang="fi-FI"/>
          </a:p>
        </p:txBody>
      </p:sp>
      <p:sp>
        <p:nvSpPr>
          <p:cNvPr id="4" name="Content Placeholder 3">
            <a:extLst>
              <a:ext uri="{FF2B5EF4-FFF2-40B4-BE49-F238E27FC236}">
                <a16:creationId xmlns:a16="http://schemas.microsoft.com/office/drawing/2014/main" id="{D70CC0B0-DB91-C0CF-A9C2-6C66E38B7476}"/>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7" name="Content Placeholder 6">
            <a:extLst>
              <a:ext uri="{FF2B5EF4-FFF2-40B4-BE49-F238E27FC236}">
                <a16:creationId xmlns:a16="http://schemas.microsoft.com/office/drawing/2014/main" id="{68F77A74-706F-8E75-DDE8-8B71109E7B7A}"/>
              </a:ext>
            </a:extLst>
          </p:cNvPr>
          <p:cNvSpPr>
            <a:spLocks noGrp="1"/>
          </p:cNvSpPr>
          <p:nvPr>
            <p:ph sz="quarter" idx="10"/>
          </p:nvPr>
        </p:nvSpPr>
        <p:spPr>
          <a:xfrm>
            <a:off x="695325" y="2306191"/>
            <a:ext cx="5078942" cy="3991822"/>
          </a:xfrm>
        </p:spPr>
        <p:txBody>
          <a:bodyPr/>
          <a:lstStyle/>
          <a:p>
            <a:pPr marL="7937" indent="0">
              <a:buNone/>
            </a:pPr>
            <a:r>
              <a:rPr lang="fi-FI" sz="1600">
                <a:solidFill>
                  <a:schemeClr val="tx1"/>
                </a:solidFill>
              </a:rPr>
              <a:t>3</a:t>
            </a:r>
            <a:r>
              <a:rPr lang="fi-FI" sz="1600" noProof="0">
                <a:solidFill>
                  <a:schemeClr val="tx1"/>
                </a:solidFill>
              </a:rPr>
              <a:t>. Mitkä seuraavista kuvastavat tekoälyn toimintaa?</a:t>
            </a:r>
          </a:p>
          <a:p>
            <a:pPr marL="485775" lvl="1" indent="-342900">
              <a:buFont typeface="+mj-lt"/>
              <a:buAutoNum type="alphaUcPeriod"/>
            </a:pPr>
            <a:r>
              <a:rPr lang="fi-FI" sz="1400">
                <a:solidFill>
                  <a:schemeClr val="tx1"/>
                </a:solidFill>
              </a:rPr>
              <a:t>Tiedon analysointi ja kaavojen tunnistaminen.</a:t>
            </a:r>
          </a:p>
          <a:p>
            <a:pPr marL="485775" lvl="1" indent="-342900">
              <a:buFont typeface="+mj-lt"/>
              <a:buAutoNum type="alphaUcPeriod"/>
            </a:pPr>
            <a:r>
              <a:rPr lang="fi-FI" sz="1400">
                <a:solidFill>
                  <a:schemeClr val="tx1"/>
                </a:solidFill>
              </a:rPr>
              <a:t>Sisällön generointi (luominen tai tuottaminen) kuten teksti, kuva tai video.</a:t>
            </a:r>
          </a:p>
          <a:p>
            <a:pPr marL="485775" lvl="1" indent="-342900">
              <a:buFont typeface="+mj-lt"/>
              <a:buAutoNum type="alphaUcPeriod"/>
            </a:pPr>
            <a:r>
              <a:rPr lang="fi-FI" sz="1400">
                <a:solidFill>
                  <a:schemeClr val="tx1"/>
                </a:solidFill>
              </a:rPr>
              <a:t>Mallien luominen datan perusteella, joiden avulla ne tunnistavat kuvioita ja tekee ennusteita.</a:t>
            </a:r>
          </a:p>
          <a:p>
            <a:pPr marL="485775" lvl="1" indent="-342900">
              <a:buFont typeface="+mj-lt"/>
              <a:buAutoNum type="alphaUcPeriod"/>
            </a:pPr>
            <a:r>
              <a:rPr lang="fi-FI" sz="1400">
                <a:solidFill>
                  <a:schemeClr val="tx1"/>
                </a:solidFill>
              </a:rPr>
              <a:t>Päätelmien tekeminen ilman dataa tai sensoreita.</a:t>
            </a:r>
          </a:p>
          <a:p>
            <a:pPr marL="485775" lvl="1" indent="-342900">
              <a:buFont typeface="+mj-lt"/>
              <a:buAutoNum type="alphaUcPeriod"/>
            </a:pPr>
            <a:endParaRPr lang="fi-FI" sz="1400" noProof="0">
              <a:solidFill>
                <a:schemeClr val="tx1"/>
              </a:solidFill>
            </a:endParaRPr>
          </a:p>
          <a:p>
            <a:pPr marL="7937" indent="0">
              <a:buNone/>
            </a:pPr>
            <a:r>
              <a:rPr lang="fi-FI" sz="1600" noProof="0">
                <a:solidFill>
                  <a:schemeClr val="tx1"/>
                </a:solidFill>
              </a:rPr>
              <a:t>4. Mikä tai </a:t>
            </a:r>
            <a:r>
              <a:rPr lang="fi-FI" sz="1600">
                <a:solidFill>
                  <a:schemeClr val="tx1"/>
                </a:solidFill>
              </a:rPr>
              <a:t>mitkä kuvaavat, mitä kielimallit voivat tehdä?</a:t>
            </a:r>
            <a:endParaRPr lang="fi-FI" sz="1600" noProof="0">
              <a:solidFill>
                <a:schemeClr val="tx1"/>
              </a:solidFill>
            </a:endParaRPr>
          </a:p>
          <a:p>
            <a:pPr marL="485775" lvl="1" indent="-342900">
              <a:buFont typeface="+mj-lt"/>
              <a:buAutoNum type="alphaUcPeriod"/>
            </a:pPr>
            <a:r>
              <a:rPr lang="fi-FI" sz="1400">
                <a:solidFill>
                  <a:schemeClr val="tx1"/>
                </a:solidFill>
              </a:rPr>
              <a:t>Tuottaa tekstiä käyttäjän esittämän pyynnön mukaan.</a:t>
            </a:r>
          </a:p>
          <a:p>
            <a:pPr marL="485775" lvl="1" indent="-342900">
              <a:buFont typeface="+mj-lt"/>
              <a:buAutoNum type="alphaUcPeriod"/>
            </a:pPr>
            <a:r>
              <a:rPr lang="fi-FI" sz="1400" noProof="0">
                <a:solidFill>
                  <a:schemeClr val="tx1"/>
                </a:solidFill>
              </a:rPr>
              <a:t>Tiivistää lähdemateriaalia.</a:t>
            </a:r>
          </a:p>
          <a:p>
            <a:pPr marL="485775" lvl="1" indent="-342900">
              <a:buFont typeface="+mj-lt"/>
              <a:buAutoNum type="alphaUcPeriod"/>
            </a:pPr>
            <a:r>
              <a:rPr lang="fi-FI" sz="1400">
                <a:solidFill>
                  <a:schemeClr val="tx1"/>
                </a:solidFill>
              </a:rPr>
              <a:t>Ajatella kuten ihminen.</a:t>
            </a:r>
            <a:endParaRPr lang="fi-FI" sz="1400" noProof="0">
              <a:solidFill>
                <a:schemeClr val="tx1"/>
              </a:solidFill>
            </a:endParaRPr>
          </a:p>
          <a:p>
            <a:pPr marL="485775" lvl="1" indent="-342900">
              <a:buFont typeface="+mj-lt"/>
              <a:buAutoNum type="alphaUcPeriod"/>
            </a:pPr>
            <a:r>
              <a:rPr lang="fi-FI" sz="1400" noProof="0">
                <a:solidFill>
                  <a:schemeClr val="tx1"/>
                </a:solidFill>
              </a:rPr>
              <a:t>Ehdottaa parannusehdotuksia tekstiin.</a:t>
            </a:r>
          </a:p>
          <a:p>
            <a:pPr marL="485775" lvl="1" indent="-342900">
              <a:buFont typeface="+mj-lt"/>
              <a:buAutoNum type="alphaUcPeriod"/>
            </a:pPr>
            <a:endParaRPr lang="fi-FI" sz="1400" noProof="0">
              <a:solidFill>
                <a:schemeClr val="tx1"/>
              </a:solidFill>
            </a:endParaRPr>
          </a:p>
        </p:txBody>
      </p:sp>
      <p:sp>
        <p:nvSpPr>
          <p:cNvPr id="6" name="Content Placeholder 5">
            <a:extLst>
              <a:ext uri="{FF2B5EF4-FFF2-40B4-BE49-F238E27FC236}">
                <a16:creationId xmlns:a16="http://schemas.microsoft.com/office/drawing/2014/main" id="{69E397CB-6E5E-F89D-029E-7CA54F82AFC2}"/>
              </a:ext>
            </a:extLst>
          </p:cNvPr>
          <p:cNvSpPr>
            <a:spLocks noGrp="1"/>
          </p:cNvSpPr>
          <p:nvPr>
            <p:ph sz="quarter" idx="18"/>
          </p:nvPr>
        </p:nvSpPr>
        <p:spPr/>
        <p:txBody>
          <a:bodyPr/>
          <a:lstStyle/>
          <a:p>
            <a:pPr marL="7937" indent="0">
              <a:buNone/>
            </a:pPr>
            <a:r>
              <a:rPr lang="fi-FI" sz="1600">
                <a:solidFill>
                  <a:schemeClr val="tx1"/>
                </a:solidFill>
              </a:rPr>
              <a:t>5</a:t>
            </a:r>
            <a:r>
              <a:rPr lang="fi-FI" sz="1600" noProof="0">
                <a:solidFill>
                  <a:schemeClr val="tx1"/>
                </a:solidFill>
              </a:rPr>
              <a:t>. Mitkä seuraavista ovat EU:n luotettavan tekoälyn </a:t>
            </a:r>
            <a:r>
              <a:rPr lang="fi-FI" sz="1600">
                <a:solidFill>
                  <a:schemeClr val="tx1"/>
                </a:solidFill>
              </a:rPr>
              <a:t>eettisten ohjeiden</a:t>
            </a:r>
            <a:r>
              <a:rPr lang="fi-FI" sz="1600" noProof="0">
                <a:solidFill>
                  <a:schemeClr val="tx1"/>
                </a:solidFill>
              </a:rPr>
              <a:t> periaatteita tekoälyn käyttöön liittyen?</a:t>
            </a:r>
          </a:p>
          <a:p>
            <a:pPr marL="485775" lvl="1" indent="-342900">
              <a:buFont typeface="+mj-lt"/>
              <a:buAutoNum type="alphaUcPeriod"/>
            </a:pPr>
            <a:r>
              <a:rPr lang="fi-FI" sz="1400">
                <a:solidFill>
                  <a:schemeClr val="tx1"/>
                </a:solidFill>
              </a:rPr>
              <a:t>Tekninen luotettavuus ja turvallisuus.</a:t>
            </a:r>
          </a:p>
          <a:p>
            <a:pPr marL="485775" lvl="1" indent="-342900">
              <a:buFont typeface="+mj-lt"/>
              <a:buAutoNum type="alphaUcPeriod"/>
            </a:pPr>
            <a:r>
              <a:rPr lang="fi-FI" sz="1400">
                <a:solidFill>
                  <a:schemeClr val="tx1"/>
                </a:solidFill>
              </a:rPr>
              <a:t>Yksityisyyden suoja ja datan hallinta.</a:t>
            </a:r>
          </a:p>
          <a:p>
            <a:pPr marL="485775" lvl="1" indent="-342900">
              <a:buFont typeface="+mj-lt"/>
              <a:buAutoNum type="alphaUcPeriod"/>
            </a:pPr>
            <a:r>
              <a:rPr lang="fi-FI" sz="1400">
                <a:solidFill>
                  <a:schemeClr val="tx1"/>
                </a:solidFill>
              </a:rPr>
              <a:t>Läpinäkyvyys.</a:t>
            </a:r>
          </a:p>
          <a:p>
            <a:pPr marL="485775" lvl="1" indent="-342900">
              <a:buFont typeface="+mj-lt"/>
              <a:buAutoNum type="alphaUcPeriod"/>
            </a:pPr>
            <a:r>
              <a:rPr lang="fi-FI" sz="1400" noProof="0">
                <a:solidFill>
                  <a:schemeClr val="tx1"/>
                </a:solidFill>
              </a:rPr>
              <a:t>Tekoälyjärjestelmien täydellinen itsenäisyys ilman ihmisen valvontaa.</a:t>
            </a:r>
          </a:p>
        </p:txBody>
      </p:sp>
    </p:spTree>
    <p:extLst>
      <p:ext uri="{BB962C8B-B14F-4D97-AF65-F5344CB8AC3E}">
        <p14:creationId xmlns:p14="http://schemas.microsoft.com/office/powerpoint/2010/main" val="523825884"/>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2D0C93C0-F358-9473-3756-A1FD182229A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B637821-899E-926A-0F75-69213BC16067}"/>
              </a:ext>
            </a:extLst>
          </p:cNvPr>
          <p:cNvSpPr>
            <a:spLocks noGrp="1"/>
          </p:cNvSpPr>
          <p:nvPr>
            <p:ph type="title"/>
          </p:nvPr>
        </p:nvSpPr>
        <p:spPr/>
        <p:txBody>
          <a:bodyPr/>
          <a:lstStyle/>
          <a:p>
            <a:r>
              <a:rPr lang="fi-FI" noProof="0"/>
              <a:t>Tarkistuskysymykset (3/6)</a:t>
            </a:r>
            <a:endParaRPr lang="fi-FI">
              <a:highlight>
                <a:srgbClr val="FFFF00"/>
              </a:highlight>
            </a:endParaRPr>
          </a:p>
        </p:txBody>
      </p:sp>
      <p:sp>
        <p:nvSpPr>
          <p:cNvPr id="3" name="Text Placeholder 2">
            <a:extLst>
              <a:ext uri="{FF2B5EF4-FFF2-40B4-BE49-F238E27FC236}">
                <a16:creationId xmlns:a16="http://schemas.microsoft.com/office/drawing/2014/main" id="{A30197AC-9C13-847D-4C94-F46634F23160}"/>
              </a:ext>
            </a:extLst>
          </p:cNvPr>
          <p:cNvSpPr>
            <a:spLocks noGrp="1"/>
          </p:cNvSpPr>
          <p:nvPr>
            <p:ph type="body" sz="quarter" idx="13"/>
          </p:nvPr>
        </p:nvSpPr>
        <p:spPr/>
        <p:txBody>
          <a:bodyPr/>
          <a:lstStyle/>
          <a:p>
            <a:r>
              <a:rPr lang="fi-FI"/>
              <a:t>6. Tarkistuskysymykset ja mallivastaukset</a:t>
            </a:r>
          </a:p>
        </p:txBody>
      </p:sp>
      <p:sp>
        <p:nvSpPr>
          <p:cNvPr id="4" name="Content Placeholder 3">
            <a:extLst>
              <a:ext uri="{FF2B5EF4-FFF2-40B4-BE49-F238E27FC236}">
                <a16:creationId xmlns:a16="http://schemas.microsoft.com/office/drawing/2014/main" id="{64800F5D-04A5-CE90-0EF0-9F97FC280D2B}"/>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5" name="Content Placeholder 4">
            <a:extLst>
              <a:ext uri="{FF2B5EF4-FFF2-40B4-BE49-F238E27FC236}">
                <a16:creationId xmlns:a16="http://schemas.microsoft.com/office/drawing/2014/main" id="{D019A49B-2F4A-A016-62BD-285C01106167}"/>
              </a:ext>
            </a:extLst>
          </p:cNvPr>
          <p:cNvSpPr>
            <a:spLocks noGrp="1"/>
          </p:cNvSpPr>
          <p:nvPr>
            <p:ph sz="quarter" idx="10"/>
          </p:nvPr>
        </p:nvSpPr>
        <p:spPr/>
        <p:txBody>
          <a:bodyPr/>
          <a:lstStyle/>
          <a:p>
            <a:pPr marL="7937" indent="0">
              <a:buNone/>
            </a:pPr>
            <a:r>
              <a:rPr lang="fi-FI" sz="1600">
                <a:solidFill>
                  <a:schemeClr val="tx1"/>
                </a:solidFill>
              </a:rPr>
              <a:t>6. </a:t>
            </a:r>
            <a:r>
              <a:rPr lang="fi-FI" sz="1600" noProof="0">
                <a:solidFill>
                  <a:schemeClr val="tx1"/>
                </a:solidFill>
              </a:rPr>
              <a:t>Miten tekoäly voi auttaa sinua työssäsi?</a:t>
            </a:r>
          </a:p>
          <a:p>
            <a:pPr marL="485775" lvl="1" indent="-342900">
              <a:buFont typeface="+mj-lt"/>
              <a:buAutoNum type="alphaUcPeriod"/>
            </a:pPr>
            <a:r>
              <a:rPr lang="fi-FI" sz="1400">
                <a:solidFill>
                  <a:schemeClr val="tx1"/>
                </a:solidFill>
              </a:rPr>
              <a:t>Korvata täysin ihmisen tekemää eettistä arviointia ja päätöksentekoa.</a:t>
            </a:r>
          </a:p>
          <a:p>
            <a:pPr marL="485775" lvl="1" indent="-342900">
              <a:buFont typeface="+mj-lt"/>
              <a:buAutoNum type="alphaUcPeriod"/>
            </a:pPr>
            <a:r>
              <a:rPr lang="fi-FI" sz="1400">
                <a:solidFill>
                  <a:schemeClr val="tx1"/>
                </a:solidFill>
              </a:rPr>
              <a:t>Ymmärtää asiakkaiden tunteita ja henkilökohtaisia tarpeita samalla tavalla kuin ihminen.</a:t>
            </a:r>
          </a:p>
          <a:p>
            <a:pPr marL="485775" lvl="1" indent="-342900">
              <a:buFont typeface="+mj-lt"/>
              <a:buAutoNum type="alphaUcPeriod"/>
            </a:pPr>
            <a:r>
              <a:rPr lang="fi-FI" sz="1400">
                <a:solidFill>
                  <a:schemeClr val="tx1"/>
                </a:solidFill>
              </a:rPr>
              <a:t>Tukea ihmisiä teknologian avulla heidän arkensa helpottamiseksi.</a:t>
            </a:r>
          </a:p>
          <a:p>
            <a:pPr marL="485775" lvl="1" indent="-342900">
              <a:buFont typeface="+mj-lt"/>
              <a:buAutoNum type="alphaUcPeriod"/>
            </a:pPr>
            <a:r>
              <a:rPr lang="fi-FI" sz="1400">
                <a:solidFill>
                  <a:schemeClr val="tx1"/>
                </a:solidFill>
              </a:rPr>
              <a:t>Toimia luotettavasti ilman laadukasta dataa ja ihmisen valvontaa.</a:t>
            </a:r>
            <a:br>
              <a:rPr lang="fi-FI" sz="1400">
                <a:solidFill>
                  <a:schemeClr val="tx1"/>
                </a:solidFill>
              </a:rPr>
            </a:br>
            <a:endParaRPr lang="fi-FI" sz="1200">
              <a:solidFill>
                <a:schemeClr val="tx1"/>
              </a:solidFill>
            </a:endParaRPr>
          </a:p>
          <a:p>
            <a:pPr marL="142875" lvl="1" indent="0">
              <a:buNone/>
            </a:pPr>
            <a:br>
              <a:rPr lang="fi-FI" sz="1400">
                <a:solidFill>
                  <a:schemeClr val="tx1"/>
                </a:solidFill>
              </a:rPr>
            </a:br>
            <a:endParaRPr lang="fi-FI" sz="1400">
              <a:solidFill>
                <a:schemeClr val="tx1"/>
              </a:solidFill>
            </a:endParaRPr>
          </a:p>
        </p:txBody>
      </p:sp>
      <p:sp>
        <p:nvSpPr>
          <p:cNvPr id="6" name="Content Placeholder 5">
            <a:extLst>
              <a:ext uri="{FF2B5EF4-FFF2-40B4-BE49-F238E27FC236}">
                <a16:creationId xmlns:a16="http://schemas.microsoft.com/office/drawing/2014/main" id="{208F7D1D-405A-42DE-02D9-8581744D8177}"/>
              </a:ext>
            </a:extLst>
          </p:cNvPr>
          <p:cNvSpPr>
            <a:spLocks noGrp="1"/>
          </p:cNvSpPr>
          <p:nvPr>
            <p:ph sz="quarter" idx="18"/>
          </p:nvPr>
        </p:nvSpPr>
        <p:spPr/>
        <p:txBody>
          <a:bodyPr/>
          <a:lstStyle/>
          <a:p>
            <a:pPr marL="7937" indent="0">
              <a:buNone/>
            </a:pPr>
            <a:r>
              <a:rPr lang="fi-FI" sz="1600">
                <a:solidFill>
                  <a:schemeClr val="tx1"/>
                </a:solidFill>
              </a:rPr>
              <a:t>7. Millaisia uusia mahdollisuuksia tekoäly voi tuoda hyvinvointialueiden toimintaan?</a:t>
            </a:r>
          </a:p>
          <a:p>
            <a:pPr marL="485775" lvl="1" indent="-342900">
              <a:buFont typeface="+mj-lt"/>
              <a:buAutoNum type="alphaUcPeriod"/>
            </a:pPr>
            <a:r>
              <a:rPr lang="fi-FI" sz="1400">
                <a:solidFill>
                  <a:schemeClr val="tx1"/>
                </a:solidFill>
              </a:rPr>
              <a:t>Ennakoida palvelutarpeita ja kohdentaa resursseja tehokkaammin.</a:t>
            </a:r>
          </a:p>
          <a:p>
            <a:pPr marL="485775" lvl="1" indent="-342900">
              <a:buFont typeface="+mj-lt"/>
              <a:buAutoNum type="alphaUcPeriod"/>
            </a:pPr>
            <a:r>
              <a:rPr lang="fi-FI" sz="1400">
                <a:solidFill>
                  <a:schemeClr val="tx1"/>
                </a:solidFill>
              </a:rPr>
              <a:t>Automatisoida kaikki ihmisten työt hyvinvointialueilla.</a:t>
            </a:r>
          </a:p>
          <a:p>
            <a:pPr marL="485775" lvl="1" indent="-342900">
              <a:buFont typeface="+mj-lt"/>
              <a:buAutoNum type="alphaUcPeriod"/>
            </a:pPr>
            <a:r>
              <a:rPr lang="fi-FI" sz="1400">
                <a:solidFill>
                  <a:schemeClr val="tx1"/>
                </a:solidFill>
              </a:rPr>
              <a:t>Tukea ammattilaisten päätöksentekoa analysoimalla järjestelmän käytössä olevia tietoja.</a:t>
            </a:r>
          </a:p>
          <a:p>
            <a:pPr marL="485775" lvl="1" indent="-342900">
              <a:buFont typeface="+mj-lt"/>
              <a:buAutoNum type="alphaUcPeriod"/>
            </a:pPr>
            <a:r>
              <a:rPr lang="fi-FI" sz="1400">
                <a:solidFill>
                  <a:schemeClr val="tx1"/>
                </a:solidFill>
              </a:rPr>
              <a:t>Kehittää uusia tapoja tehdä yhteistyötä toimialojen välillä.</a:t>
            </a:r>
            <a:br>
              <a:rPr lang="fi-FI" sz="1400">
                <a:solidFill>
                  <a:schemeClr val="tx1"/>
                </a:solidFill>
              </a:rPr>
            </a:br>
            <a:endParaRPr lang="fi-FI" sz="1400">
              <a:solidFill>
                <a:schemeClr val="tx1"/>
              </a:solidFill>
            </a:endParaRPr>
          </a:p>
          <a:p>
            <a:pPr marL="7937" indent="0">
              <a:buNone/>
            </a:pPr>
            <a:endParaRPr lang="fi-FI" sz="1600">
              <a:solidFill>
                <a:schemeClr val="tx1"/>
              </a:solidFill>
            </a:endParaRPr>
          </a:p>
        </p:txBody>
      </p:sp>
      <p:sp>
        <p:nvSpPr>
          <p:cNvPr id="7" name="Slide Number Placeholder 6">
            <a:extLst>
              <a:ext uri="{FF2B5EF4-FFF2-40B4-BE49-F238E27FC236}">
                <a16:creationId xmlns:a16="http://schemas.microsoft.com/office/drawing/2014/main" id="{278CF775-BE28-33AE-3912-9EECFBFB50CF}"/>
              </a:ext>
            </a:extLst>
          </p:cNvPr>
          <p:cNvSpPr>
            <a:spLocks noGrp="1"/>
          </p:cNvSpPr>
          <p:nvPr>
            <p:ph type="sldNum" sz="quarter" idx="16"/>
          </p:nvPr>
        </p:nvSpPr>
        <p:spPr/>
        <p:txBody>
          <a:bodyPr/>
          <a:lstStyle/>
          <a:p>
            <a:fld id="{B64FCF4A-2F3F-4397-9C44-D2344643394B}" type="slidenum">
              <a:rPr lang="fi-FI" smtClean="0"/>
              <a:pPr/>
              <a:t>45</a:t>
            </a:fld>
            <a:endParaRPr lang="fi-FI"/>
          </a:p>
        </p:txBody>
      </p:sp>
    </p:spTree>
    <p:extLst>
      <p:ext uri="{BB962C8B-B14F-4D97-AF65-F5344CB8AC3E}">
        <p14:creationId xmlns:p14="http://schemas.microsoft.com/office/powerpoint/2010/main" val="1915619118"/>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354744F-9DF7-56DE-F5CC-8EBAA0900033}"/>
              </a:ext>
            </a:extLst>
          </p:cNvPr>
          <p:cNvSpPr>
            <a:spLocks noGrp="1"/>
          </p:cNvSpPr>
          <p:nvPr>
            <p:ph type="title"/>
          </p:nvPr>
        </p:nvSpPr>
        <p:spPr/>
        <p:txBody>
          <a:bodyPr/>
          <a:lstStyle/>
          <a:p>
            <a:r>
              <a:rPr lang="fi-FI" noProof="0"/>
              <a:t>Tarkistuskysymykset (4/6)</a:t>
            </a:r>
            <a:endParaRPr lang="fi-FI"/>
          </a:p>
        </p:txBody>
      </p:sp>
      <p:sp>
        <p:nvSpPr>
          <p:cNvPr id="3" name="Text Placeholder 2">
            <a:extLst>
              <a:ext uri="{FF2B5EF4-FFF2-40B4-BE49-F238E27FC236}">
                <a16:creationId xmlns:a16="http://schemas.microsoft.com/office/drawing/2014/main" id="{A28551E9-A438-A4BE-5994-F3E8273BA0D4}"/>
              </a:ext>
            </a:extLst>
          </p:cNvPr>
          <p:cNvSpPr>
            <a:spLocks noGrp="1"/>
          </p:cNvSpPr>
          <p:nvPr>
            <p:ph type="body" sz="quarter" idx="13"/>
          </p:nvPr>
        </p:nvSpPr>
        <p:spPr/>
        <p:txBody>
          <a:bodyPr/>
          <a:lstStyle/>
          <a:p>
            <a:r>
              <a:rPr lang="fi-FI"/>
              <a:t>6. Tarkistuskysymykset ja mallivastaukset</a:t>
            </a:r>
          </a:p>
        </p:txBody>
      </p:sp>
      <p:sp>
        <p:nvSpPr>
          <p:cNvPr id="4" name="Content Placeholder 3">
            <a:extLst>
              <a:ext uri="{FF2B5EF4-FFF2-40B4-BE49-F238E27FC236}">
                <a16:creationId xmlns:a16="http://schemas.microsoft.com/office/drawing/2014/main" id="{1424631E-8411-D84E-EE4B-A074058CD5CC}"/>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5" name="Content Placeholder 4">
            <a:extLst>
              <a:ext uri="{FF2B5EF4-FFF2-40B4-BE49-F238E27FC236}">
                <a16:creationId xmlns:a16="http://schemas.microsoft.com/office/drawing/2014/main" id="{13B15EAA-91FD-3325-8308-69B672414E59}"/>
              </a:ext>
            </a:extLst>
          </p:cNvPr>
          <p:cNvSpPr>
            <a:spLocks noGrp="1"/>
          </p:cNvSpPr>
          <p:nvPr>
            <p:ph sz="quarter" idx="10"/>
          </p:nvPr>
        </p:nvSpPr>
        <p:spPr/>
        <p:txBody>
          <a:bodyPr/>
          <a:lstStyle/>
          <a:p>
            <a:pPr marL="7937" indent="0">
              <a:buNone/>
            </a:pPr>
            <a:r>
              <a:rPr lang="fi-FI" sz="1600">
                <a:solidFill>
                  <a:schemeClr val="tx1"/>
                </a:solidFill>
              </a:rPr>
              <a:t>8. Mikä tai mitkä seuraavista ovat EU:n tekoälysäädöksen tavoitteita?</a:t>
            </a:r>
          </a:p>
          <a:p>
            <a:pPr marL="528638" lvl="1" indent="-342900">
              <a:buFont typeface="+mj-lt"/>
              <a:buAutoNum type="alphaUcPeriod"/>
            </a:pPr>
            <a:r>
              <a:rPr lang="fi-FI" sz="1400">
                <a:solidFill>
                  <a:schemeClr val="tx1"/>
                </a:solidFill>
              </a:rPr>
              <a:t>Varmistaa tekoälyjärjestelmien turvallisuus ja luotettavuus.</a:t>
            </a:r>
          </a:p>
          <a:p>
            <a:pPr marL="528638" lvl="1" indent="-342900">
              <a:buFont typeface="+mj-lt"/>
              <a:buAutoNum type="alphaUcPeriod"/>
            </a:pPr>
            <a:r>
              <a:rPr lang="fi-FI" sz="1400">
                <a:solidFill>
                  <a:schemeClr val="tx1"/>
                </a:solidFill>
              </a:rPr>
              <a:t>Kieltää tekoälyjärjestelmien käyttö hyvinvointialueiden toiminnassa.</a:t>
            </a:r>
          </a:p>
          <a:p>
            <a:pPr marL="528638" lvl="1" indent="-342900">
              <a:buFont typeface="+mj-lt"/>
              <a:buAutoNum type="alphaUcPeriod"/>
            </a:pPr>
            <a:r>
              <a:rPr lang="fi-FI" sz="1400">
                <a:solidFill>
                  <a:schemeClr val="tx1"/>
                </a:solidFill>
              </a:rPr>
              <a:t>Edistää ihmiskeskeistä tekoälyä ja innovaatiota.</a:t>
            </a:r>
          </a:p>
          <a:p>
            <a:pPr marL="528638" lvl="1" indent="-342900">
              <a:buFont typeface="+mj-lt"/>
              <a:buAutoNum type="alphaUcPeriod"/>
            </a:pPr>
            <a:r>
              <a:rPr lang="fi-FI" sz="1400">
                <a:solidFill>
                  <a:schemeClr val="tx1"/>
                </a:solidFill>
              </a:rPr>
              <a:t>Suojata käyttäjiä tekoälyn aiheuttamilta riskeiltä.</a:t>
            </a:r>
          </a:p>
          <a:p>
            <a:pPr marL="185738" lvl="1" indent="0">
              <a:buNone/>
            </a:pPr>
            <a:endParaRPr lang="fi-FI" sz="1400">
              <a:solidFill>
                <a:schemeClr val="tx1"/>
              </a:solidFill>
            </a:endParaRPr>
          </a:p>
          <a:p>
            <a:pPr marL="7937" indent="0">
              <a:buNone/>
            </a:pPr>
            <a:r>
              <a:rPr lang="fi-FI" sz="1600">
                <a:solidFill>
                  <a:schemeClr val="tx1"/>
                </a:solidFill>
              </a:rPr>
              <a:t>9. Miten tekoälysäädös määrittelee ihmisen roolin tekoälyjärjestelmien valvonnassa?</a:t>
            </a:r>
          </a:p>
          <a:p>
            <a:pPr marL="528638" lvl="1" indent="-342900">
              <a:buFont typeface="+mj-lt"/>
              <a:buAutoNum type="alphaUcPeriod"/>
            </a:pPr>
            <a:r>
              <a:rPr lang="fi-FI" sz="1400">
                <a:solidFill>
                  <a:schemeClr val="tx1"/>
                </a:solidFill>
              </a:rPr>
              <a:t>Ihmisen tulee aina voida valvoa järjestelmän toimintaa.</a:t>
            </a:r>
          </a:p>
          <a:p>
            <a:pPr marL="528638" lvl="1" indent="-342900">
              <a:buFont typeface="+mj-lt"/>
              <a:buAutoNum type="alphaUcPeriod"/>
            </a:pPr>
            <a:r>
              <a:rPr lang="fi-FI" sz="1400">
                <a:solidFill>
                  <a:schemeClr val="tx1"/>
                </a:solidFill>
              </a:rPr>
              <a:t>Ihmisen on pystyttävä vaikuttamaan tekoälyn toimintaan tarvittaessa.</a:t>
            </a:r>
          </a:p>
          <a:p>
            <a:pPr marL="528638" lvl="1" indent="-342900">
              <a:buFont typeface="+mj-lt"/>
              <a:buAutoNum type="alphaUcPeriod"/>
            </a:pPr>
            <a:r>
              <a:rPr lang="fi-FI" sz="1400">
                <a:solidFill>
                  <a:schemeClr val="tx1"/>
                </a:solidFill>
              </a:rPr>
              <a:t>Ihmisen valvonta on vapaaehtoista, jos järjestelmä on suuririskinen.</a:t>
            </a:r>
          </a:p>
          <a:p>
            <a:pPr marL="528638" lvl="1" indent="-342900">
              <a:buFont typeface="+mj-lt"/>
              <a:buAutoNum type="alphaUcPeriod"/>
            </a:pPr>
            <a:r>
              <a:rPr lang="fi-FI" sz="1400">
                <a:solidFill>
                  <a:schemeClr val="tx1"/>
                </a:solidFill>
              </a:rPr>
              <a:t>Järjestelmä voi toimia ilman ihmisen valvontaa, jos se ei käsittele henkilötietoja.</a:t>
            </a:r>
          </a:p>
        </p:txBody>
      </p:sp>
      <p:sp>
        <p:nvSpPr>
          <p:cNvPr id="6" name="Content Placeholder 5">
            <a:extLst>
              <a:ext uri="{FF2B5EF4-FFF2-40B4-BE49-F238E27FC236}">
                <a16:creationId xmlns:a16="http://schemas.microsoft.com/office/drawing/2014/main" id="{4492D78E-C1A1-9876-CA68-6ADA5A202700}"/>
              </a:ext>
            </a:extLst>
          </p:cNvPr>
          <p:cNvSpPr>
            <a:spLocks noGrp="1"/>
          </p:cNvSpPr>
          <p:nvPr>
            <p:ph sz="quarter" idx="18"/>
          </p:nvPr>
        </p:nvSpPr>
        <p:spPr/>
        <p:txBody>
          <a:bodyPr/>
          <a:lstStyle/>
          <a:p>
            <a:pPr marL="7937" indent="0">
              <a:buNone/>
            </a:pPr>
            <a:r>
              <a:rPr lang="fi-FI" sz="1600">
                <a:solidFill>
                  <a:schemeClr val="tx1"/>
                </a:solidFill>
              </a:rPr>
              <a:t>10. Miten tekoälysäädös suhtautuu automaattiseen päätöksentekoon?</a:t>
            </a:r>
          </a:p>
          <a:p>
            <a:pPr marL="485775" lvl="1" indent="-342900">
              <a:buFont typeface="+mj-lt"/>
              <a:buAutoNum type="alphaUcPeriod"/>
            </a:pPr>
            <a:r>
              <a:rPr lang="fi-FI" sz="1400">
                <a:solidFill>
                  <a:schemeClr val="tx1"/>
                </a:solidFill>
              </a:rPr>
              <a:t>Automatisoitu päätöksenteko on aina sallittua ilman rajoituksia.</a:t>
            </a:r>
          </a:p>
          <a:p>
            <a:pPr marL="485775" lvl="1" indent="-342900">
              <a:buFont typeface="+mj-lt"/>
              <a:buAutoNum type="alphaUcPeriod"/>
            </a:pPr>
            <a:r>
              <a:rPr lang="fi-FI" sz="1400">
                <a:solidFill>
                  <a:schemeClr val="tx1"/>
                </a:solidFill>
              </a:rPr>
              <a:t>Automatisoidut päätökset ovat sallittuja, jos niiden perustelut ovat palautettavissa ja selitettävissä.</a:t>
            </a:r>
          </a:p>
          <a:p>
            <a:pPr marL="485775" lvl="1" indent="-342900">
              <a:buFont typeface="+mj-lt"/>
              <a:buAutoNum type="alphaUcPeriod"/>
            </a:pPr>
            <a:r>
              <a:rPr lang="fi-FI" sz="1400">
                <a:solidFill>
                  <a:schemeClr val="tx1"/>
                </a:solidFill>
              </a:rPr>
              <a:t>Kaikki automatisoitu päätöksenteko on kielletty.</a:t>
            </a:r>
          </a:p>
          <a:p>
            <a:pPr marL="485775" lvl="1" indent="-342900">
              <a:buFont typeface="+mj-lt"/>
              <a:buAutoNum type="alphaUcPeriod"/>
            </a:pPr>
            <a:r>
              <a:rPr lang="fi-FI" sz="1400">
                <a:solidFill>
                  <a:schemeClr val="tx1"/>
                </a:solidFill>
              </a:rPr>
              <a:t>Automatisoitu päätöksenteko ei kuulu sääntelyn piiriin.</a:t>
            </a:r>
            <a:endParaRPr lang="fi-FI" sz="1600">
              <a:solidFill>
                <a:schemeClr val="tx1"/>
              </a:solidFill>
            </a:endParaRPr>
          </a:p>
          <a:p>
            <a:pPr marL="371475" lvl="1" indent="-228600">
              <a:buFont typeface="+mj-lt"/>
              <a:buAutoNum type="alphaUcPeriod"/>
            </a:pPr>
            <a:endParaRPr lang="fi-FI" sz="1400">
              <a:solidFill>
                <a:schemeClr val="tx1"/>
              </a:solidFill>
            </a:endParaRPr>
          </a:p>
          <a:p>
            <a:pPr marL="7937" indent="0">
              <a:buNone/>
            </a:pPr>
            <a:r>
              <a:rPr lang="fi-FI" sz="1600">
                <a:solidFill>
                  <a:schemeClr val="tx1"/>
                </a:solidFill>
              </a:rPr>
              <a:t>11. Mikä seuraavista on suuririskisen tekoälyjärjestelmän piirre tekoälysäädöksen mukaan?</a:t>
            </a:r>
          </a:p>
          <a:p>
            <a:pPr marL="485775" lvl="1" indent="-342900">
              <a:buFont typeface="+mj-lt"/>
              <a:buAutoNum type="alphaUcPeriod"/>
            </a:pPr>
            <a:r>
              <a:rPr lang="fi-FI" sz="1400">
                <a:solidFill>
                  <a:schemeClr val="tx1"/>
                </a:solidFill>
              </a:rPr>
              <a:t>Järjestelmän tekninen monimutkaisuus.</a:t>
            </a:r>
          </a:p>
          <a:p>
            <a:pPr marL="485775" lvl="1" indent="-342900">
              <a:buFont typeface="+mj-lt"/>
              <a:buAutoNum type="alphaUcPeriod"/>
            </a:pPr>
            <a:r>
              <a:rPr lang="fi-FI" sz="1400">
                <a:solidFill>
                  <a:schemeClr val="tx1"/>
                </a:solidFill>
              </a:rPr>
              <a:t>Järjestelmän merkittävä vaikutus yksilön perusoikeuksiin, terveyteen ja turvallisuuteen.</a:t>
            </a:r>
          </a:p>
          <a:p>
            <a:pPr marL="485775" lvl="1" indent="-342900">
              <a:buFont typeface="+mj-lt"/>
              <a:buAutoNum type="alphaUcPeriod"/>
            </a:pPr>
            <a:r>
              <a:rPr lang="fi-FI" sz="1400">
                <a:solidFill>
                  <a:schemeClr val="tx1"/>
                </a:solidFill>
              </a:rPr>
              <a:t>Järjestelmän kyky suorittaa automaattisia päätöksiä.</a:t>
            </a:r>
          </a:p>
          <a:p>
            <a:pPr marL="485775" lvl="1" indent="-342900">
              <a:buFont typeface="+mj-lt"/>
              <a:buAutoNum type="alphaUcPeriod"/>
            </a:pPr>
            <a:r>
              <a:rPr lang="fi-FI" sz="1400">
                <a:solidFill>
                  <a:schemeClr val="tx1"/>
                </a:solidFill>
              </a:rPr>
              <a:t>Järjestelmän käytön laajuus organisaatiossa.</a:t>
            </a:r>
          </a:p>
          <a:p>
            <a:pPr marL="7937" indent="0">
              <a:buNone/>
            </a:pPr>
            <a:endParaRPr lang="fi-FI" sz="1600">
              <a:solidFill>
                <a:schemeClr val="tx1"/>
              </a:solidFill>
            </a:endParaRPr>
          </a:p>
          <a:p>
            <a:endParaRPr lang="fi-FI" sz="1600">
              <a:solidFill>
                <a:schemeClr val="tx1"/>
              </a:solidFill>
            </a:endParaRPr>
          </a:p>
        </p:txBody>
      </p:sp>
      <p:sp>
        <p:nvSpPr>
          <p:cNvPr id="7" name="Slide Number Placeholder 6">
            <a:extLst>
              <a:ext uri="{FF2B5EF4-FFF2-40B4-BE49-F238E27FC236}">
                <a16:creationId xmlns:a16="http://schemas.microsoft.com/office/drawing/2014/main" id="{4BDB43CE-BCB2-1894-4105-3B7A654C4F24}"/>
              </a:ext>
            </a:extLst>
          </p:cNvPr>
          <p:cNvSpPr>
            <a:spLocks noGrp="1"/>
          </p:cNvSpPr>
          <p:nvPr>
            <p:ph type="sldNum" sz="quarter" idx="16"/>
          </p:nvPr>
        </p:nvSpPr>
        <p:spPr/>
        <p:txBody>
          <a:bodyPr/>
          <a:lstStyle/>
          <a:p>
            <a:fld id="{B64FCF4A-2F3F-4397-9C44-D2344643394B}" type="slidenum">
              <a:rPr lang="fi-FI" smtClean="0"/>
              <a:pPr/>
              <a:t>46</a:t>
            </a:fld>
            <a:endParaRPr lang="fi-FI"/>
          </a:p>
        </p:txBody>
      </p:sp>
    </p:spTree>
    <p:extLst>
      <p:ext uri="{BB962C8B-B14F-4D97-AF65-F5344CB8AC3E}">
        <p14:creationId xmlns:p14="http://schemas.microsoft.com/office/powerpoint/2010/main" val="1133806575"/>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3C834C5F-3D7F-63E8-5FFE-7D873A9410D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66C8B83-63CE-0B48-9311-44FBD8A1B2CA}"/>
              </a:ext>
            </a:extLst>
          </p:cNvPr>
          <p:cNvSpPr>
            <a:spLocks noGrp="1"/>
          </p:cNvSpPr>
          <p:nvPr>
            <p:ph type="title"/>
          </p:nvPr>
        </p:nvSpPr>
        <p:spPr/>
        <p:txBody>
          <a:bodyPr/>
          <a:lstStyle/>
          <a:p>
            <a:r>
              <a:rPr lang="fi-FI" noProof="0"/>
              <a:t>Tarkistuskysymykset (5/</a:t>
            </a:r>
            <a:r>
              <a:rPr lang="fi-FI"/>
              <a:t>6</a:t>
            </a:r>
            <a:r>
              <a:rPr lang="fi-FI" noProof="0"/>
              <a:t>)</a:t>
            </a:r>
            <a:endParaRPr lang="fi-FI"/>
          </a:p>
        </p:txBody>
      </p:sp>
      <p:sp>
        <p:nvSpPr>
          <p:cNvPr id="3" name="Text Placeholder 2">
            <a:extLst>
              <a:ext uri="{FF2B5EF4-FFF2-40B4-BE49-F238E27FC236}">
                <a16:creationId xmlns:a16="http://schemas.microsoft.com/office/drawing/2014/main" id="{BBCDF56A-DC37-7A37-348B-E6D4197F1F51}"/>
              </a:ext>
            </a:extLst>
          </p:cNvPr>
          <p:cNvSpPr>
            <a:spLocks noGrp="1"/>
          </p:cNvSpPr>
          <p:nvPr>
            <p:ph type="body" sz="quarter" idx="13"/>
          </p:nvPr>
        </p:nvSpPr>
        <p:spPr/>
        <p:txBody>
          <a:bodyPr/>
          <a:lstStyle/>
          <a:p>
            <a:r>
              <a:rPr lang="fi-FI"/>
              <a:t>6. Tarkistuskysymykset ja mallivastaukset</a:t>
            </a:r>
          </a:p>
        </p:txBody>
      </p:sp>
      <p:sp>
        <p:nvSpPr>
          <p:cNvPr id="4" name="Content Placeholder 3">
            <a:extLst>
              <a:ext uri="{FF2B5EF4-FFF2-40B4-BE49-F238E27FC236}">
                <a16:creationId xmlns:a16="http://schemas.microsoft.com/office/drawing/2014/main" id="{854F6A1B-E352-3960-FE68-0FF52AFC50FF}"/>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5" name="Content Placeholder 4">
            <a:extLst>
              <a:ext uri="{FF2B5EF4-FFF2-40B4-BE49-F238E27FC236}">
                <a16:creationId xmlns:a16="http://schemas.microsoft.com/office/drawing/2014/main" id="{54CB947B-E602-0DE3-55FC-2BB2509DE4AF}"/>
              </a:ext>
            </a:extLst>
          </p:cNvPr>
          <p:cNvSpPr>
            <a:spLocks noGrp="1"/>
          </p:cNvSpPr>
          <p:nvPr>
            <p:ph sz="quarter" idx="10"/>
          </p:nvPr>
        </p:nvSpPr>
        <p:spPr/>
        <p:txBody>
          <a:bodyPr/>
          <a:lstStyle/>
          <a:p>
            <a:pPr marL="7937" indent="0">
              <a:buNone/>
            </a:pPr>
            <a:r>
              <a:rPr lang="fi-FI" sz="1600">
                <a:solidFill>
                  <a:schemeClr val="tx1"/>
                </a:solidFill>
              </a:rPr>
              <a:t>12. Kuka on vastuussa tekoälyn lukutaidon kehittämisestä henkilöstössä?</a:t>
            </a:r>
          </a:p>
          <a:p>
            <a:pPr marL="485775" lvl="1" indent="-342900">
              <a:buFont typeface="+mj-lt"/>
              <a:buAutoNum type="alphaUcPeriod"/>
            </a:pPr>
            <a:r>
              <a:rPr lang="fi-FI" sz="1400">
                <a:solidFill>
                  <a:schemeClr val="tx1"/>
                </a:solidFill>
              </a:rPr>
              <a:t>Organisaation johto tarjoaa työkalut ja resurssit, mutta henkilöstö on vastuussa niiden hyödyntämisestä.</a:t>
            </a:r>
          </a:p>
          <a:p>
            <a:pPr marL="485775" lvl="1" indent="-342900">
              <a:buFont typeface="+mj-lt"/>
              <a:buAutoNum type="alphaUcPeriod"/>
            </a:pPr>
            <a:r>
              <a:rPr lang="fi-FI" sz="1400">
                <a:solidFill>
                  <a:schemeClr val="tx1"/>
                </a:solidFill>
              </a:rPr>
              <a:t>Vain tekoälyn kehittäjät, koska he tuntevat järjestelmän parhaiten.</a:t>
            </a:r>
          </a:p>
          <a:p>
            <a:pPr marL="485775" lvl="1" indent="-342900">
              <a:buFont typeface="+mj-lt"/>
              <a:buAutoNum type="alphaUcPeriod"/>
            </a:pPr>
            <a:r>
              <a:rPr lang="fi-FI" sz="1400">
                <a:solidFill>
                  <a:schemeClr val="tx1"/>
                </a:solidFill>
              </a:rPr>
              <a:t>Asiakkaat, joiden tiedot järjestelmä käsittelee.</a:t>
            </a:r>
          </a:p>
          <a:p>
            <a:pPr marL="485775" lvl="1" indent="-342900">
              <a:buFont typeface="+mj-lt"/>
              <a:buAutoNum type="alphaUcPeriod"/>
            </a:pPr>
            <a:r>
              <a:rPr lang="fi-FI" sz="1400">
                <a:solidFill>
                  <a:schemeClr val="tx1"/>
                </a:solidFill>
              </a:rPr>
              <a:t>Koulutusorganisaatiot, jotka vastaavat oppimateriaaleista.</a:t>
            </a:r>
          </a:p>
          <a:p>
            <a:pPr marL="485775" lvl="1" indent="-342900">
              <a:buFont typeface="+mj-lt"/>
              <a:buAutoNum type="alphaUcPeriod"/>
            </a:pPr>
            <a:endParaRPr lang="fi-FI" sz="1200">
              <a:solidFill>
                <a:schemeClr val="tx1"/>
              </a:solidFill>
            </a:endParaRPr>
          </a:p>
          <a:p>
            <a:pPr marL="7937" indent="0">
              <a:buNone/>
            </a:pPr>
            <a:r>
              <a:rPr lang="fi-FI" sz="1600">
                <a:solidFill>
                  <a:schemeClr val="tx1"/>
                </a:solidFill>
              </a:rPr>
              <a:t>13. Kuka on vastuussa tekoälyn tarkoituksen mukaisesta käytöstä ja sääntelyn noudattamisesta organisaatioissa? </a:t>
            </a:r>
          </a:p>
          <a:p>
            <a:pPr marL="485775" lvl="1" indent="-342900">
              <a:buFont typeface="+mj-lt"/>
              <a:buAutoNum type="alphaUcPeriod"/>
            </a:pPr>
            <a:r>
              <a:rPr lang="fi-FI" sz="1400">
                <a:solidFill>
                  <a:schemeClr val="tx1"/>
                </a:solidFill>
              </a:rPr>
              <a:t>Hyvinvointialueen johto ja organisaatio.</a:t>
            </a:r>
          </a:p>
          <a:p>
            <a:pPr marL="485775" lvl="1" indent="-342900">
              <a:buFont typeface="+mj-lt"/>
              <a:buAutoNum type="alphaUcPeriod"/>
            </a:pPr>
            <a:r>
              <a:rPr lang="fi-FI" sz="1400">
                <a:solidFill>
                  <a:schemeClr val="tx1"/>
                </a:solidFill>
              </a:rPr>
              <a:t>Lainsäätäjät, jotka ovat asettaneet sääntelyvaatimukset.</a:t>
            </a:r>
          </a:p>
          <a:p>
            <a:pPr marL="485775" lvl="1" indent="-342900">
              <a:buFont typeface="+mj-lt"/>
              <a:buAutoNum type="alphaUcPeriod"/>
            </a:pPr>
            <a:r>
              <a:rPr lang="fi-FI" sz="1400">
                <a:solidFill>
                  <a:schemeClr val="tx1"/>
                </a:solidFill>
              </a:rPr>
              <a:t>Henkilöstö, joka käyttää järjestelmää.</a:t>
            </a:r>
          </a:p>
          <a:p>
            <a:pPr marL="485775" lvl="1" indent="-342900">
              <a:buFont typeface="+mj-lt"/>
              <a:buAutoNum type="alphaUcPeriod"/>
            </a:pPr>
            <a:r>
              <a:rPr lang="fi-FI" sz="1400">
                <a:solidFill>
                  <a:schemeClr val="tx1"/>
                </a:solidFill>
              </a:rPr>
              <a:t>Ei kukaan, koska järjestelmä toimii itsenäisesti.</a:t>
            </a:r>
          </a:p>
        </p:txBody>
      </p:sp>
      <p:sp>
        <p:nvSpPr>
          <p:cNvPr id="6" name="Content Placeholder 5">
            <a:extLst>
              <a:ext uri="{FF2B5EF4-FFF2-40B4-BE49-F238E27FC236}">
                <a16:creationId xmlns:a16="http://schemas.microsoft.com/office/drawing/2014/main" id="{3E4EBEC3-BE43-011A-23E3-E7BAE1D06DE9}"/>
              </a:ext>
            </a:extLst>
          </p:cNvPr>
          <p:cNvSpPr>
            <a:spLocks noGrp="1"/>
          </p:cNvSpPr>
          <p:nvPr>
            <p:ph sz="quarter" idx="18"/>
          </p:nvPr>
        </p:nvSpPr>
        <p:spPr/>
        <p:txBody>
          <a:bodyPr/>
          <a:lstStyle/>
          <a:p>
            <a:pPr marL="7937" indent="0">
              <a:buNone/>
            </a:pPr>
            <a:r>
              <a:rPr lang="fi-FI" sz="1600">
                <a:solidFill>
                  <a:schemeClr val="tx1"/>
                </a:solidFill>
              </a:rPr>
              <a:t>14. Mitä sinun tulee tehdä, kun käytät tekoälyn tuottamia suosituksia päätöksenteossa?</a:t>
            </a:r>
          </a:p>
          <a:p>
            <a:pPr marL="485775" lvl="1" indent="-342900">
              <a:buFont typeface="+mj-lt"/>
              <a:buAutoNum type="alphaUcPeriod"/>
            </a:pPr>
            <a:r>
              <a:rPr lang="fi-FI" sz="1400">
                <a:solidFill>
                  <a:schemeClr val="tx1"/>
                </a:solidFill>
              </a:rPr>
              <a:t>Hyväksyä ne sellaisenaan ilman tarkistamista.</a:t>
            </a:r>
          </a:p>
          <a:p>
            <a:pPr marL="485775" lvl="1" indent="-342900">
              <a:buFont typeface="+mj-lt"/>
              <a:buAutoNum type="alphaUcPeriod"/>
            </a:pPr>
            <a:r>
              <a:rPr lang="fi-FI" sz="1400">
                <a:solidFill>
                  <a:schemeClr val="tx1"/>
                </a:solidFill>
              </a:rPr>
              <a:t>Varmistaa, että suositukset ovat perusteltuja, luotettavia ja tarkoituksenmukaisia.</a:t>
            </a:r>
          </a:p>
          <a:p>
            <a:pPr marL="485775" lvl="1" indent="-342900">
              <a:buFont typeface="+mj-lt"/>
              <a:buAutoNum type="alphaUcPeriod"/>
            </a:pPr>
            <a:r>
              <a:rPr lang="fi-FI" sz="1400">
                <a:solidFill>
                  <a:schemeClr val="tx1"/>
                </a:solidFill>
              </a:rPr>
              <a:t>Seurata järjestelmän suositusta, vaikka se olisi ristiriidassa muun saatavilla olevan tiedon kanssa.</a:t>
            </a:r>
          </a:p>
          <a:p>
            <a:pPr marL="485775" lvl="1" indent="-342900">
              <a:buFont typeface="+mj-lt"/>
              <a:buAutoNum type="alphaUcPeriod"/>
            </a:pPr>
            <a:r>
              <a:rPr lang="fi-FI" sz="1400">
                <a:solidFill>
                  <a:schemeClr val="tx1"/>
                </a:solidFill>
              </a:rPr>
              <a:t>Antaa asiakkaan tai potilaan itse päättää, ovatko suositukset käyttökelpoisia.</a:t>
            </a:r>
          </a:p>
        </p:txBody>
      </p:sp>
      <p:sp>
        <p:nvSpPr>
          <p:cNvPr id="7" name="Slide Number Placeholder 6">
            <a:extLst>
              <a:ext uri="{FF2B5EF4-FFF2-40B4-BE49-F238E27FC236}">
                <a16:creationId xmlns:a16="http://schemas.microsoft.com/office/drawing/2014/main" id="{61919A89-B269-075D-DA3B-99AA240C562F}"/>
              </a:ext>
            </a:extLst>
          </p:cNvPr>
          <p:cNvSpPr>
            <a:spLocks noGrp="1"/>
          </p:cNvSpPr>
          <p:nvPr>
            <p:ph type="sldNum" sz="quarter" idx="16"/>
          </p:nvPr>
        </p:nvSpPr>
        <p:spPr/>
        <p:txBody>
          <a:bodyPr/>
          <a:lstStyle/>
          <a:p>
            <a:fld id="{B64FCF4A-2F3F-4397-9C44-D2344643394B}" type="slidenum">
              <a:rPr lang="fi-FI" smtClean="0"/>
              <a:pPr/>
              <a:t>47</a:t>
            </a:fld>
            <a:endParaRPr lang="fi-FI"/>
          </a:p>
        </p:txBody>
      </p:sp>
    </p:spTree>
    <p:extLst>
      <p:ext uri="{BB962C8B-B14F-4D97-AF65-F5344CB8AC3E}">
        <p14:creationId xmlns:p14="http://schemas.microsoft.com/office/powerpoint/2010/main" val="4180882508"/>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E5555A-4DD2-D275-AAA8-B65D9095254A}"/>
              </a:ext>
            </a:extLst>
          </p:cNvPr>
          <p:cNvSpPr>
            <a:spLocks noGrp="1"/>
          </p:cNvSpPr>
          <p:nvPr>
            <p:ph type="title"/>
          </p:nvPr>
        </p:nvSpPr>
        <p:spPr/>
        <p:txBody>
          <a:bodyPr/>
          <a:lstStyle/>
          <a:p>
            <a:r>
              <a:rPr lang="fi-FI"/>
              <a:t>Tarkistuskysymykset (6/6)</a:t>
            </a:r>
          </a:p>
        </p:txBody>
      </p:sp>
      <p:sp>
        <p:nvSpPr>
          <p:cNvPr id="8" name="Text Placeholder 7">
            <a:extLst>
              <a:ext uri="{FF2B5EF4-FFF2-40B4-BE49-F238E27FC236}">
                <a16:creationId xmlns:a16="http://schemas.microsoft.com/office/drawing/2014/main" id="{5194DDBC-D96B-5D83-724A-A6AA8FDFDCB0}"/>
              </a:ext>
            </a:extLst>
          </p:cNvPr>
          <p:cNvSpPr>
            <a:spLocks noGrp="1"/>
          </p:cNvSpPr>
          <p:nvPr>
            <p:ph type="body" sz="quarter" idx="13"/>
          </p:nvPr>
        </p:nvSpPr>
        <p:spPr/>
        <p:txBody>
          <a:bodyPr/>
          <a:lstStyle/>
          <a:p>
            <a:r>
              <a:rPr lang="fi-FI"/>
              <a:t>6. Tarkistuskysymykset ja mallivastaukset</a:t>
            </a:r>
          </a:p>
        </p:txBody>
      </p:sp>
      <p:sp>
        <p:nvSpPr>
          <p:cNvPr id="7" name="Slide Number Placeholder 6">
            <a:extLst>
              <a:ext uri="{FF2B5EF4-FFF2-40B4-BE49-F238E27FC236}">
                <a16:creationId xmlns:a16="http://schemas.microsoft.com/office/drawing/2014/main" id="{F376F902-4241-EB7A-3971-D46D7054A7BB}"/>
              </a:ext>
            </a:extLst>
          </p:cNvPr>
          <p:cNvSpPr>
            <a:spLocks noGrp="1"/>
          </p:cNvSpPr>
          <p:nvPr>
            <p:ph type="sldNum" sz="quarter" idx="16"/>
          </p:nvPr>
        </p:nvSpPr>
        <p:spPr/>
        <p:txBody>
          <a:bodyPr/>
          <a:lstStyle/>
          <a:p>
            <a:fld id="{B64FCF4A-2F3F-4397-9C44-D2344643394B}" type="slidenum">
              <a:rPr lang="fi-FI" smtClean="0"/>
              <a:pPr/>
              <a:t>48</a:t>
            </a:fld>
            <a:endParaRPr lang="fi-FI"/>
          </a:p>
        </p:txBody>
      </p:sp>
      <p:sp>
        <p:nvSpPr>
          <p:cNvPr id="5" name="Content Placeholder 4">
            <a:extLst>
              <a:ext uri="{FF2B5EF4-FFF2-40B4-BE49-F238E27FC236}">
                <a16:creationId xmlns:a16="http://schemas.microsoft.com/office/drawing/2014/main" id="{57E89CA4-3079-8F64-86E0-53CB42CE37BE}"/>
              </a:ext>
            </a:extLst>
          </p:cNvPr>
          <p:cNvSpPr>
            <a:spLocks noGrp="1"/>
          </p:cNvSpPr>
          <p:nvPr>
            <p:ph sz="quarter" idx="10"/>
          </p:nvPr>
        </p:nvSpPr>
        <p:spPr>
          <a:xfrm>
            <a:off x="695326" y="1713989"/>
            <a:ext cx="5078942" cy="3991822"/>
          </a:xfrm>
        </p:spPr>
        <p:txBody>
          <a:bodyPr/>
          <a:lstStyle/>
          <a:p>
            <a:pPr marL="7937" indent="0">
              <a:buNone/>
            </a:pPr>
            <a:r>
              <a:rPr lang="fi-FI" sz="1600"/>
              <a:t>Käytät työssäsi tekoälyjärjestelmää, joka auttaa suunnittelemaan ja jakamaan työtehtäviä.</a:t>
            </a:r>
          </a:p>
          <a:p>
            <a:pPr marL="7937" indent="0">
              <a:buNone/>
            </a:pPr>
            <a:r>
              <a:rPr lang="fi-FI" sz="1600"/>
              <a:t>Järjestelmä priorisoi tehtävät automaattisesti. Se arvioi prioriteetin tehtävän kuvauksen perusteella. Järjestelmä hyödyntää priorisoinnissa myös muista järjestelmistä saatavia tietoja. Näitä ovat tiedot käytettävissä olevista resursseista, kuten henkilöstöstä ja tarvikkeista. Lisäksi järjestelmä ottaa huomioon historiatiedot aiemmista tehtävistä ja tyypillisestä resurssien käytöstä.</a:t>
            </a:r>
          </a:p>
          <a:p>
            <a:pPr marL="7937" indent="0">
              <a:buNone/>
            </a:pPr>
            <a:r>
              <a:rPr lang="fi-FI" sz="1600"/>
              <a:t>Huomaat, että järjestelmä ei ota huomioon kaikkia olennaisia tilannetietoja, jotka vaikuttaisivat tehtävien priorisointiin. Tämän seurauksena jotkin tärkeiksi arvioimasi tehtävät eivät nouse etusijalle. Tehtävien priorisoinnista koituvat mahdolliset vaikutukset ihmisiin ovat kuitenkin vähäiset.</a:t>
            </a:r>
          </a:p>
          <a:p>
            <a:pPr marL="7937" indent="0">
              <a:buNone/>
            </a:pPr>
            <a:r>
              <a:rPr lang="fi-FI" sz="1600"/>
              <a:t>Organisaatiossa ei ole ohjeita tehtävien tärkeysjärjestyksen muuttamiseen. </a:t>
            </a:r>
          </a:p>
        </p:txBody>
      </p:sp>
      <p:sp>
        <p:nvSpPr>
          <p:cNvPr id="6" name="Content Placeholder 5">
            <a:extLst>
              <a:ext uri="{FF2B5EF4-FFF2-40B4-BE49-F238E27FC236}">
                <a16:creationId xmlns:a16="http://schemas.microsoft.com/office/drawing/2014/main" id="{3F3A790B-0EC4-90FC-BDC4-AEA1712A5D5D}"/>
              </a:ext>
            </a:extLst>
          </p:cNvPr>
          <p:cNvSpPr>
            <a:spLocks noGrp="1"/>
          </p:cNvSpPr>
          <p:nvPr>
            <p:ph sz="quarter" idx="18"/>
          </p:nvPr>
        </p:nvSpPr>
        <p:spPr>
          <a:xfrm>
            <a:off x="6417736" y="1713989"/>
            <a:ext cx="5078942" cy="3991822"/>
          </a:xfrm>
        </p:spPr>
        <p:txBody>
          <a:bodyPr/>
          <a:lstStyle/>
          <a:p>
            <a:pPr marL="0" marR="0" lvl="0" indent="0" algn="l" defTabSz="914400" rtl="0" eaLnBrk="1" fontAlgn="auto" latinLnBrk="0" hangingPunct="1">
              <a:lnSpc>
                <a:spcPct val="100000"/>
              </a:lnSpc>
              <a:spcBef>
                <a:spcPts val="0"/>
              </a:spcBef>
              <a:spcAft>
                <a:spcPts val="0"/>
              </a:spcAft>
              <a:buClr>
                <a:srgbClr val="FF8E33"/>
              </a:buClr>
              <a:buSzTx/>
              <a:buFont typeface="Arial" panose="020B0604020202020204" pitchFamily="34" charset="0"/>
              <a:buNone/>
              <a:tabLst/>
              <a:defRPr/>
            </a:pPr>
            <a:r>
              <a:rPr lang="fi-FI" sz="1600" i="1">
                <a:solidFill>
                  <a:schemeClr val="tx1"/>
                </a:solidFill>
              </a:rPr>
              <a:t>Pohdi, millaisia tietoja järjestelmä voi jättää huomioimatta priorisoinnissa. Pohdi, onko järjestelmä tarkoituksenmukainen ja millaisia vaikutuksia sen toiminnalla voi olla. </a:t>
            </a:r>
          </a:p>
          <a:p>
            <a:pPr marL="7937" indent="0">
              <a:buNone/>
            </a:pPr>
            <a:r>
              <a:rPr lang="fi-FI" sz="1600">
                <a:solidFill>
                  <a:schemeClr val="tx1"/>
                </a:solidFill>
              </a:rPr>
              <a:t>15. Miten tilanteessa tulisi toimia?</a:t>
            </a:r>
            <a:endParaRPr lang="fi-FI" sz="1400">
              <a:solidFill>
                <a:schemeClr val="tx1"/>
              </a:solidFill>
            </a:endParaRPr>
          </a:p>
          <a:p>
            <a:pPr marL="485775" lvl="1" indent="-342900">
              <a:buFont typeface="+mj-lt"/>
              <a:buAutoNum type="alphaUcPeriod"/>
            </a:pPr>
            <a:r>
              <a:rPr lang="fi-FI" sz="1400">
                <a:solidFill>
                  <a:schemeClr val="tx1"/>
                </a:solidFill>
              </a:rPr>
              <a:t>Noudatan järjestelmän ehdottamaa priorisointia, koska se on suurimmaksi osaksi oikein ja perustuu järjestelmän käytettävissä oleviin kattaviin tietoihin.</a:t>
            </a:r>
          </a:p>
          <a:p>
            <a:pPr marL="485775" lvl="1" indent="-342900">
              <a:buFont typeface="+mj-lt"/>
              <a:buAutoNum type="alphaUcPeriod"/>
            </a:pPr>
            <a:r>
              <a:rPr lang="fi-FI" sz="1400">
                <a:solidFill>
                  <a:schemeClr val="tx1"/>
                </a:solidFill>
              </a:rPr>
              <a:t>Lopetan järjestelmän käyttämisen. Järjestelmää ei tulisi käyttää prioriorisointiin, sillä se ei pysty ottamaan huomioon muutoksia, joita ei vielä ole kirjattu järjestelmään tai kollegoilta tullutta suoraa arviota tehtävän kiireellisyydestä.</a:t>
            </a:r>
          </a:p>
          <a:p>
            <a:pPr marL="485775" lvl="1" indent="-342900">
              <a:buFont typeface="+mj-lt"/>
              <a:buAutoNum type="alphaUcPeriod"/>
            </a:pPr>
            <a:r>
              <a:rPr lang="fi-FI" sz="1400">
                <a:solidFill>
                  <a:schemeClr val="tx1"/>
                </a:solidFill>
              </a:rPr>
              <a:t>Raportoin järjestelmän puutteista organisaation ohjeiden mukaan. Tuon esiin olennaisiksi arvioimani puuttuvat tiedot ja pyydän organisaatiolta ohjeistusta järjestelmän käyttöön.</a:t>
            </a:r>
          </a:p>
          <a:p>
            <a:pPr marL="485775" lvl="1" indent="-342900">
              <a:buFont typeface="+mj-lt"/>
              <a:buAutoNum type="alphaUcPeriod"/>
            </a:pPr>
            <a:r>
              <a:rPr lang="fi-FI" sz="1400">
                <a:solidFill>
                  <a:schemeClr val="tx1"/>
                </a:solidFill>
              </a:rPr>
              <a:t>Käytän omaa ammattitaitoani ja harkintaani tilanteen ratkaisemiseksi ja priorisoin kiireellisiksi arvioimiani tehtäviä. </a:t>
            </a:r>
          </a:p>
          <a:p>
            <a:pPr marL="142875" lvl="1" indent="0">
              <a:buNone/>
            </a:pPr>
            <a:endParaRPr lang="fi-FI" sz="1400">
              <a:solidFill>
                <a:schemeClr val="tx1"/>
              </a:solidFill>
            </a:endParaRPr>
          </a:p>
          <a:p>
            <a:pPr marL="7937" indent="0">
              <a:buNone/>
            </a:pPr>
            <a:endParaRPr lang="fi-FI" sz="1600">
              <a:solidFill>
                <a:schemeClr val="tx1"/>
              </a:solidFill>
            </a:endParaRPr>
          </a:p>
        </p:txBody>
      </p:sp>
    </p:spTree>
    <p:extLst>
      <p:ext uri="{BB962C8B-B14F-4D97-AF65-F5344CB8AC3E}">
        <p14:creationId xmlns:p14="http://schemas.microsoft.com/office/powerpoint/2010/main" val="70270787"/>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E96621-B514-DE64-046D-18D29B535209}"/>
              </a:ext>
            </a:extLst>
          </p:cNvPr>
          <p:cNvSpPr>
            <a:spLocks noGrp="1"/>
          </p:cNvSpPr>
          <p:nvPr>
            <p:ph type="title"/>
          </p:nvPr>
        </p:nvSpPr>
        <p:spPr>
          <a:xfrm>
            <a:off x="679141" y="739366"/>
            <a:ext cx="7531004" cy="2970089"/>
          </a:xfrm>
        </p:spPr>
        <p:txBody>
          <a:bodyPr/>
          <a:lstStyle/>
          <a:p>
            <a:r>
              <a:rPr lang="fi-FI" err="1"/>
              <a:t>Malliv</a:t>
            </a:r>
            <a:r>
              <a:rPr lang="fi-FI" noProof="0"/>
              <a:t>astaukset</a:t>
            </a:r>
          </a:p>
        </p:txBody>
      </p:sp>
      <p:sp>
        <p:nvSpPr>
          <p:cNvPr id="5" name="Slide Number Placeholder 4">
            <a:extLst>
              <a:ext uri="{FF2B5EF4-FFF2-40B4-BE49-F238E27FC236}">
                <a16:creationId xmlns:a16="http://schemas.microsoft.com/office/drawing/2014/main" id="{37F49B8A-16C1-C740-7266-22981E468683}"/>
              </a:ext>
            </a:extLst>
          </p:cNvPr>
          <p:cNvSpPr>
            <a:spLocks noGrp="1"/>
          </p:cNvSpPr>
          <p:nvPr>
            <p:ph type="sldNum" sz="quarter" idx="16"/>
          </p:nvPr>
        </p:nvSpPr>
        <p:spPr/>
        <p:txBody>
          <a:bodyPr/>
          <a:lstStyle/>
          <a:p>
            <a:fld id="{B64FCF4A-2F3F-4397-9C44-D2344643394B}" type="slidenum">
              <a:rPr lang="fi-FI" smtClean="0"/>
              <a:pPr/>
              <a:t>49</a:t>
            </a:fld>
            <a:endParaRPr lang="fi-FI"/>
          </a:p>
        </p:txBody>
      </p:sp>
    </p:spTree>
    <p:extLst>
      <p:ext uri="{BB962C8B-B14F-4D97-AF65-F5344CB8AC3E}">
        <p14:creationId xmlns:p14="http://schemas.microsoft.com/office/powerpoint/2010/main" val="36838230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fi-FI"/>
              <a:t>1. Johdanto</a:t>
            </a:r>
          </a:p>
        </p:txBody>
      </p:sp>
      <p:sp>
        <p:nvSpPr>
          <p:cNvPr id="5" name="Slide Number Placeholder 4">
            <a:extLst>
              <a:ext uri="{FF2B5EF4-FFF2-40B4-BE49-F238E27FC236}">
                <a16:creationId xmlns:a16="http://schemas.microsoft.com/office/drawing/2014/main" id="{BB85F13E-F609-7B08-5C6F-F0E4219C938E}"/>
              </a:ext>
            </a:extLst>
          </p:cNvPr>
          <p:cNvSpPr>
            <a:spLocks noGrp="1"/>
          </p:cNvSpPr>
          <p:nvPr>
            <p:ph type="sldNum" sz="quarter" idx="16"/>
          </p:nvPr>
        </p:nvSpPr>
        <p:spPr/>
        <p:txBody>
          <a:bodyPr/>
          <a:lstStyle/>
          <a:p>
            <a:fld id="{B64FCF4A-2F3F-4397-9C44-D2344643394B}" type="slidenum">
              <a:rPr lang="fi-FI" smtClean="0"/>
              <a:pPr/>
              <a:t>5</a:t>
            </a:fld>
            <a:endParaRPr lang="fi-FI"/>
          </a:p>
        </p:txBody>
      </p:sp>
    </p:spTree>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F5D99662-DD0C-2960-3622-161705C7E73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E68B7AD-D6DE-0EAD-AC47-F696B39E6CDE}"/>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8F1933B9-A288-D45E-F62D-346FAD955A37}"/>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4C32A914-A03B-E699-4113-9C3499638A7B}"/>
              </a:ext>
            </a:extLst>
          </p:cNvPr>
          <p:cNvSpPr>
            <a:spLocks noGrp="1"/>
          </p:cNvSpPr>
          <p:nvPr>
            <p:ph type="sldNum" sz="quarter" idx="16"/>
          </p:nvPr>
        </p:nvSpPr>
        <p:spPr/>
        <p:txBody>
          <a:bodyPr/>
          <a:lstStyle/>
          <a:p>
            <a:fld id="{B64FCF4A-2F3F-4397-9C44-D2344643394B}" type="slidenum">
              <a:rPr lang="fi-FI" smtClean="0"/>
              <a:pPr/>
              <a:t>50</a:t>
            </a:fld>
            <a:endParaRPr lang="fi-FI"/>
          </a:p>
        </p:txBody>
      </p:sp>
      <p:sp>
        <p:nvSpPr>
          <p:cNvPr id="7" name="Content Placeholder 6">
            <a:extLst>
              <a:ext uri="{FF2B5EF4-FFF2-40B4-BE49-F238E27FC236}">
                <a16:creationId xmlns:a16="http://schemas.microsoft.com/office/drawing/2014/main" id="{7EB8017A-513F-0B56-77B2-8F1EA6BCCC50}"/>
              </a:ext>
            </a:extLst>
          </p:cNvPr>
          <p:cNvSpPr>
            <a:spLocks noGrp="1"/>
          </p:cNvSpPr>
          <p:nvPr>
            <p:ph sz="quarter" idx="10"/>
          </p:nvPr>
        </p:nvSpPr>
        <p:spPr>
          <a:xfrm>
            <a:off x="695326" y="1804943"/>
            <a:ext cx="5078942" cy="3991822"/>
          </a:xfrm>
        </p:spPr>
        <p:txBody>
          <a:bodyPr/>
          <a:lstStyle/>
          <a:p>
            <a:pPr marL="7937" indent="0">
              <a:buNone/>
            </a:pPr>
            <a:r>
              <a:rPr lang="fi-FI" sz="1400" noProof="0">
                <a:solidFill>
                  <a:schemeClr val="tx1"/>
                </a:solidFill>
              </a:rPr>
              <a:t>1. Miksi tekoälyn lukutaito on tärkeää?</a:t>
            </a:r>
          </a:p>
          <a:p>
            <a:pPr marL="485775" lvl="1" indent="-342900">
              <a:buFont typeface="+mj-lt"/>
              <a:buAutoNum type="alphaUcPeriod"/>
            </a:pPr>
            <a:r>
              <a:rPr lang="fi-FI" sz="1200" noProof="0">
                <a:solidFill>
                  <a:schemeClr val="tx1"/>
                </a:solidFill>
              </a:rPr>
              <a:t>EU edellyttää, että organisaatiot jotka käyttävät tekoälyä varmistavat, että niiden henkilöstöllä on riittävä ymmärrys tekoälystä ja ratkaisuista, joita työntekijät käyttävät työssään.</a:t>
            </a:r>
          </a:p>
          <a:p>
            <a:pPr marL="485775" lvl="1" indent="-342900">
              <a:buFont typeface="+mj-lt"/>
              <a:buAutoNum type="alphaUcPeriod"/>
            </a:pPr>
            <a:r>
              <a:rPr lang="fi-FI" sz="1200" noProof="0">
                <a:solidFill>
                  <a:schemeClr val="tx1"/>
                </a:solidFill>
              </a:rPr>
              <a:t>Tekoälyn lukutaito auttaa käyttäjää ymmärtämään tekoälyä ja sen periaatteita.</a:t>
            </a:r>
          </a:p>
          <a:p>
            <a:pPr marL="485775" lvl="1" indent="-342900">
              <a:buFont typeface="+mj-lt"/>
              <a:buAutoNum type="alphaUcPeriod"/>
            </a:pPr>
            <a:r>
              <a:rPr lang="fi-FI" sz="1200" noProof="0">
                <a:solidFill>
                  <a:schemeClr val="tx1"/>
                </a:solidFill>
              </a:rPr>
              <a:t>Tekoälyn lukutaito auttaa käyttäjää</a:t>
            </a:r>
            <a:r>
              <a:rPr lang="fi-FI" sz="1200">
                <a:solidFill>
                  <a:schemeClr val="tx1"/>
                </a:solidFill>
              </a:rPr>
              <a:t> hahmottamaan millaisia eettisiä kysymyksiä tekoälyn käyttöön liittyy.</a:t>
            </a:r>
          </a:p>
          <a:p>
            <a:pPr marL="485775" lvl="1" indent="-342900">
              <a:buFont typeface="+mj-lt"/>
              <a:buAutoNum type="alphaUcPeriod"/>
            </a:pPr>
            <a:r>
              <a:rPr lang="fi-FI" sz="1200" noProof="0">
                <a:solidFill>
                  <a:schemeClr val="tx1"/>
                </a:solidFill>
              </a:rPr>
              <a:t>Tekoälyn lukutaito ei ole minulle tärkeää</a:t>
            </a:r>
            <a:r>
              <a:rPr lang="fi-FI" sz="1200">
                <a:solidFill>
                  <a:schemeClr val="tx1"/>
                </a:solidFill>
              </a:rPr>
              <a:t>.</a:t>
            </a:r>
          </a:p>
          <a:p>
            <a:pPr marL="7937" indent="0">
              <a:buNone/>
            </a:pPr>
            <a:r>
              <a:rPr lang="fi-FI" sz="1200">
                <a:solidFill>
                  <a:schemeClr val="tx1"/>
                </a:solidFill>
              </a:rPr>
              <a:t>Oikea vastaus: A, B ja C</a:t>
            </a:r>
          </a:p>
          <a:p>
            <a:pPr marL="7937" indent="0">
              <a:buNone/>
            </a:pPr>
            <a:r>
              <a:rPr lang="fi-FI" sz="1200">
                <a:solidFill>
                  <a:schemeClr val="tx1"/>
                </a:solidFill>
              </a:rPr>
              <a:t>Selitys: </a:t>
            </a:r>
            <a:r>
              <a:rPr lang="fi-FI" sz="1200" noProof="0"/>
              <a:t>Tekoälysäädöksen mukaisten tekoälyjärjestelmien käyttöönottajien on parhaansa mukaan toteutettava toimenpiteitä, joilla ne varmistavat henkilöstönsä riittävän tekoälylukutaidon (A). Tämän vuoksi tekoälyn lukutaito koskettaa kaikkia organisaation työntekijöitä (B). </a:t>
            </a:r>
            <a:r>
              <a:rPr lang="fi-FI" sz="1200">
                <a:solidFill>
                  <a:schemeClr val="tx1"/>
                </a:solidFill>
              </a:rPr>
              <a:t>Tekoälyn lukutaito on entistä tärkeämpää nykypäivän muuttuvassa maailmassa, jossa tekoälykin edelleen kehittyy (C).</a:t>
            </a:r>
          </a:p>
        </p:txBody>
      </p:sp>
      <p:sp>
        <p:nvSpPr>
          <p:cNvPr id="6" name="Content Placeholder 5">
            <a:extLst>
              <a:ext uri="{FF2B5EF4-FFF2-40B4-BE49-F238E27FC236}">
                <a16:creationId xmlns:a16="http://schemas.microsoft.com/office/drawing/2014/main" id="{FF4468FF-A2F1-CC37-ED20-D68EB10F0B07}"/>
              </a:ext>
            </a:extLst>
          </p:cNvPr>
          <p:cNvSpPr>
            <a:spLocks noGrp="1"/>
          </p:cNvSpPr>
          <p:nvPr>
            <p:ph sz="quarter" idx="18"/>
          </p:nvPr>
        </p:nvSpPr>
        <p:spPr>
          <a:xfrm>
            <a:off x="6417736" y="1804943"/>
            <a:ext cx="5078942" cy="3991822"/>
          </a:xfrm>
        </p:spPr>
        <p:txBody>
          <a:bodyPr/>
          <a:lstStyle/>
          <a:p>
            <a:pPr marL="7937" indent="0">
              <a:buNone/>
            </a:pPr>
            <a:r>
              <a:rPr lang="fi-FI" sz="1400">
                <a:solidFill>
                  <a:schemeClr val="tx1"/>
                </a:solidFill>
              </a:rPr>
              <a:t>2. </a:t>
            </a:r>
            <a:r>
              <a:rPr lang="fi-FI" sz="1400" noProof="0">
                <a:solidFill>
                  <a:schemeClr val="tx1"/>
                </a:solidFill>
              </a:rPr>
              <a:t> Mitä on tekoäly?</a:t>
            </a:r>
          </a:p>
          <a:p>
            <a:pPr marL="485775" lvl="1" indent="-342900">
              <a:buFont typeface="+mj-lt"/>
              <a:buAutoNum type="alphaUcPeriod"/>
            </a:pPr>
            <a:r>
              <a:rPr lang="fi-FI" sz="1200" noProof="0">
                <a:solidFill>
                  <a:schemeClr val="tx1"/>
                </a:solidFill>
              </a:rPr>
              <a:t>Tekoäly on vain robottien käytössä oleva teknologia, eikä sitä hyödynnetä muilla alueilla.</a:t>
            </a:r>
          </a:p>
          <a:p>
            <a:pPr marL="485775" lvl="1" indent="-342900">
              <a:buFont typeface="+mj-lt"/>
              <a:buAutoNum type="alphaUcPeriod"/>
            </a:pPr>
            <a:r>
              <a:rPr lang="fi-FI" sz="1200" noProof="0">
                <a:solidFill>
                  <a:schemeClr val="tx1"/>
                </a:solidFill>
              </a:rPr>
              <a:t>Se on yhteisnimitys teknologioille, jonka avulla koneet ja tietokoneohjelmat voivat suorittaa tehtäviä, jotka yleensä vaativat ihmisen älykkyyttä.</a:t>
            </a:r>
          </a:p>
          <a:p>
            <a:pPr marL="485775" lvl="1" indent="-342900">
              <a:buFont typeface="+mj-lt"/>
              <a:buAutoNum type="alphaUcPeriod"/>
            </a:pPr>
            <a:r>
              <a:rPr lang="fi-FI" sz="1200" noProof="0">
                <a:solidFill>
                  <a:schemeClr val="tx1"/>
                </a:solidFill>
              </a:rPr>
              <a:t>Koneiden kyky ratkaista tehtäviä ohjelmoitujen sääntöjen ja ohjeiden perusteella ja luomalla ratkaisukaavoja sille annetuista laajoista tietomääristä.</a:t>
            </a:r>
          </a:p>
          <a:p>
            <a:pPr marL="485775" lvl="1" indent="-342900">
              <a:buFont typeface="+mj-lt"/>
              <a:buAutoNum type="alphaUcPeriod"/>
            </a:pPr>
            <a:r>
              <a:rPr lang="fi-FI" sz="1200" noProof="0">
                <a:solidFill>
                  <a:schemeClr val="tx1"/>
                </a:solidFill>
              </a:rPr>
              <a:t>Tekoäly on ihmisten luoma taianomainen superkone, joka toimii ilman ohjelmointia tai dataa.</a:t>
            </a:r>
          </a:p>
          <a:p>
            <a:pPr marL="7937" indent="0">
              <a:buNone/>
            </a:pPr>
            <a:r>
              <a:rPr lang="fi-FI" sz="1200">
                <a:solidFill>
                  <a:schemeClr val="tx1"/>
                </a:solidFill>
              </a:rPr>
              <a:t>Oikea vastaus: B ja C</a:t>
            </a:r>
          </a:p>
          <a:p>
            <a:pPr marL="7937" indent="0">
              <a:buNone/>
            </a:pPr>
            <a:r>
              <a:rPr lang="fi-FI" sz="1200">
                <a:solidFill>
                  <a:schemeClr val="tx1"/>
                </a:solidFill>
              </a:rPr>
              <a:t>Selitys: Tekoälyn käyttö ei rajoitu vain robotiikkaan (A). Tekoälyä hyödynnetään useilla alueilla: tekoäly muun muassa tarjoaa käyttäjälle tukea tekstin tuottamiseen ja muokkaamiseen (B)</a:t>
            </a:r>
          </a:p>
          <a:p>
            <a:pPr marL="7937" indent="0">
              <a:buNone/>
            </a:pPr>
            <a:r>
              <a:rPr lang="fi-FI" sz="1200">
                <a:solidFill>
                  <a:schemeClr val="tx1"/>
                </a:solidFill>
              </a:rPr>
              <a:t>Tekoäly ei toimi ilman dataa (D), vaan se </a:t>
            </a:r>
            <a:r>
              <a:rPr lang="fi-FI" sz="1200" noProof="0">
                <a:solidFill>
                  <a:schemeClr val="tx1"/>
                </a:solidFill>
              </a:rPr>
              <a:t>ratkaisee tehtäviä ohjelmoitujen sääntöjen ja ohjeiden perusteella ja oppii luomaan ratkaisukaavoja sille annetuista laajoista tietomääristä (C)</a:t>
            </a:r>
          </a:p>
          <a:p>
            <a:pPr marL="7937" indent="0">
              <a:buNone/>
            </a:pPr>
            <a:endParaRPr lang="fi-FI" sz="1200">
              <a:solidFill>
                <a:schemeClr val="tx1"/>
              </a:solidFill>
            </a:endParaRPr>
          </a:p>
        </p:txBody>
      </p:sp>
    </p:spTree>
    <p:extLst>
      <p:ext uri="{BB962C8B-B14F-4D97-AF65-F5344CB8AC3E}">
        <p14:creationId xmlns:p14="http://schemas.microsoft.com/office/powerpoint/2010/main" val="725476702"/>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BB5D1F52-6D2A-2B9E-757E-E6881196B4F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DAB8FB6-DBA4-DC09-8897-929BD24AF359}"/>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2702C24B-91C3-0335-A0EC-C8D0679FA0B0}"/>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AE21AC8B-DF48-4D25-C3A2-A3FCF11361F2}"/>
              </a:ext>
            </a:extLst>
          </p:cNvPr>
          <p:cNvSpPr>
            <a:spLocks noGrp="1"/>
          </p:cNvSpPr>
          <p:nvPr>
            <p:ph type="sldNum" sz="quarter" idx="16"/>
          </p:nvPr>
        </p:nvSpPr>
        <p:spPr/>
        <p:txBody>
          <a:bodyPr/>
          <a:lstStyle/>
          <a:p>
            <a:fld id="{B64FCF4A-2F3F-4397-9C44-D2344643394B}" type="slidenum">
              <a:rPr lang="fi-FI" smtClean="0"/>
              <a:pPr/>
              <a:t>51</a:t>
            </a:fld>
            <a:endParaRPr lang="fi-FI"/>
          </a:p>
        </p:txBody>
      </p:sp>
      <p:sp>
        <p:nvSpPr>
          <p:cNvPr id="7" name="Content Placeholder 6">
            <a:extLst>
              <a:ext uri="{FF2B5EF4-FFF2-40B4-BE49-F238E27FC236}">
                <a16:creationId xmlns:a16="http://schemas.microsoft.com/office/drawing/2014/main" id="{0E7257A6-9246-A64E-127B-CBD152C29E71}"/>
              </a:ext>
            </a:extLst>
          </p:cNvPr>
          <p:cNvSpPr>
            <a:spLocks noGrp="1"/>
          </p:cNvSpPr>
          <p:nvPr>
            <p:ph sz="quarter" idx="10"/>
          </p:nvPr>
        </p:nvSpPr>
        <p:spPr>
          <a:xfrm>
            <a:off x="695326" y="1882316"/>
            <a:ext cx="5078942" cy="3991822"/>
          </a:xfrm>
        </p:spPr>
        <p:txBody>
          <a:bodyPr/>
          <a:lstStyle/>
          <a:p>
            <a:pPr marL="7937" indent="0">
              <a:buNone/>
            </a:pPr>
            <a:r>
              <a:rPr lang="fi-FI" sz="1600">
                <a:solidFill>
                  <a:schemeClr val="tx1"/>
                </a:solidFill>
              </a:rPr>
              <a:t>3</a:t>
            </a:r>
            <a:r>
              <a:rPr lang="fi-FI" sz="1600" noProof="0">
                <a:solidFill>
                  <a:schemeClr val="tx1"/>
                </a:solidFill>
              </a:rPr>
              <a:t>. Mitkä seuraavista kuvastavat tekoälyn toimintaa?</a:t>
            </a:r>
          </a:p>
          <a:p>
            <a:pPr marL="485775" lvl="1" indent="-342900">
              <a:buFont typeface="+mj-lt"/>
              <a:buAutoNum type="alphaUcPeriod"/>
            </a:pPr>
            <a:r>
              <a:rPr lang="fi-FI" sz="1400">
                <a:solidFill>
                  <a:schemeClr val="tx1"/>
                </a:solidFill>
              </a:rPr>
              <a:t>Tiedon analysointi ja kaavojen tunnistaminen.</a:t>
            </a:r>
          </a:p>
          <a:p>
            <a:pPr marL="485775" lvl="1" indent="-342900">
              <a:buFont typeface="+mj-lt"/>
              <a:buAutoNum type="alphaUcPeriod"/>
            </a:pPr>
            <a:r>
              <a:rPr lang="fi-FI" sz="1400">
                <a:solidFill>
                  <a:schemeClr val="tx1"/>
                </a:solidFill>
              </a:rPr>
              <a:t>Sisällön generointi (luonti tai tuottaminen) kuten teksti, kuva tai video.</a:t>
            </a:r>
          </a:p>
          <a:p>
            <a:pPr marL="485775" lvl="1" indent="-342900">
              <a:buFont typeface="+mj-lt"/>
              <a:buAutoNum type="alphaUcPeriod"/>
            </a:pPr>
            <a:r>
              <a:rPr lang="fi-FI" sz="1400">
                <a:solidFill>
                  <a:schemeClr val="tx1"/>
                </a:solidFill>
              </a:rPr>
              <a:t>Mallien luonti datan perusteella, joiden avulla se tunnistaa kuvioita ja tekee ennusteita.</a:t>
            </a:r>
          </a:p>
          <a:p>
            <a:pPr marL="485775" lvl="1" indent="-342900">
              <a:buFont typeface="+mj-lt"/>
              <a:buAutoNum type="alphaUcPeriod"/>
            </a:pPr>
            <a:r>
              <a:rPr lang="fi-FI" sz="1400">
                <a:solidFill>
                  <a:schemeClr val="tx1"/>
                </a:solidFill>
              </a:rPr>
              <a:t>Päätelmien tekeminen ilman dataa tai sensoreita.</a:t>
            </a:r>
          </a:p>
          <a:p>
            <a:pPr marL="7937" indent="0">
              <a:buNone/>
            </a:pPr>
            <a:r>
              <a:rPr lang="fi-FI" sz="1400">
                <a:solidFill>
                  <a:schemeClr val="tx1"/>
                </a:solidFill>
              </a:rPr>
              <a:t>Oikea vastaus: A, B ja C.</a:t>
            </a:r>
          </a:p>
          <a:p>
            <a:pPr marL="7937" indent="0">
              <a:buNone/>
            </a:pPr>
            <a:r>
              <a:rPr lang="fi-FI" sz="1400">
                <a:solidFill>
                  <a:schemeClr val="tx1"/>
                </a:solidFill>
              </a:rPr>
              <a:t>Selitys: A kuvastaa analyyttistä tekoälyä, B kuvastaa generatiivista tekoälyä ja C kuvastaa koneoppimista. Vaihtoehto D on väärin, koska tekoälyn toiminta pohjautuu aina dataan.</a:t>
            </a:r>
          </a:p>
          <a:p>
            <a:pPr marL="485775" lvl="1" indent="-342900">
              <a:buFont typeface="+mj-lt"/>
              <a:buAutoNum type="alphaLcParenR"/>
            </a:pPr>
            <a:endParaRPr lang="fi-FI" sz="1400" noProof="0">
              <a:solidFill>
                <a:schemeClr val="tx1"/>
              </a:solidFill>
            </a:endParaRPr>
          </a:p>
          <a:p>
            <a:pPr marL="485775" lvl="1" indent="-342900">
              <a:buFont typeface="+mj-lt"/>
              <a:buAutoNum type="alphaLcParenR"/>
            </a:pPr>
            <a:endParaRPr lang="fi-FI" sz="1400" noProof="0">
              <a:solidFill>
                <a:schemeClr val="tx1"/>
              </a:solidFill>
            </a:endParaRPr>
          </a:p>
        </p:txBody>
      </p:sp>
      <p:sp>
        <p:nvSpPr>
          <p:cNvPr id="6" name="Content Placeholder 5">
            <a:extLst>
              <a:ext uri="{FF2B5EF4-FFF2-40B4-BE49-F238E27FC236}">
                <a16:creationId xmlns:a16="http://schemas.microsoft.com/office/drawing/2014/main" id="{C0464F30-7774-9A4B-F23B-F64FAA68979B}"/>
              </a:ext>
            </a:extLst>
          </p:cNvPr>
          <p:cNvSpPr>
            <a:spLocks noGrp="1"/>
          </p:cNvSpPr>
          <p:nvPr>
            <p:ph sz="quarter" idx="18"/>
          </p:nvPr>
        </p:nvSpPr>
        <p:spPr>
          <a:xfrm>
            <a:off x="6417736" y="1882316"/>
            <a:ext cx="5078942" cy="3991822"/>
          </a:xfrm>
        </p:spPr>
        <p:txBody>
          <a:bodyPr/>
          <a:lstStyle/>
          <a:p>
            <a:pPr marL="7937" indent="0">
              <a:buNone/>
            </a:pPr>
            <a:r>
              <a:rPr lang="fi-FI" sz="1600" noProof="0">
                <a:solidFill>
                  <a:schemeClr val="tx1"/>
                </a:solidFill>
              </a:rPr>
              <a:t>4. Mikä tai </a:t>
            </a:r>
            <a:r>
              <a:rPr lang="fi-FI" sz="1600">
                <a:solidFill>
                  <a:schemeClr val="tx1"/>
                </a:solidFill>
              </a:rPr>
              <a:t>mitkä kuvaavat, mitä kielimallit voivat tehdä?</a:t>
            </a:r>
            <a:endParaRPr lang="fi-FI" sz="1600" noProof="0">
              <a:solidFill>
                <a:schemeClr val="tx1"/>
              </a:solidFill>
            </a:endParaRPr>
          </a:p>
          <a:p>
            <a:pPr marL="485775" lvl="1" indent="-342900">
              <a:buFont typeface="+mj-lt"/>
              <a:buAutoNum type="alphaUcPeriod"/>
            </a:pPr>
            <a:r>
              <a:rPr lang="fi-FI" sz="1400">
                <a:solidFill>
                  <a:schemeClr val="tx1"/>
                </a:solidFill>
              </a:rPr>
              <a:t>Tuottaa tekstiä käyttäjän esittämän pyynnön mukaan.</a:t>
            </a:r>
          </a:p>
          <a:p>
            <a:pPr marL="485775" lvl="1" indent="-342900">
              <a:buFont typeface="+mj-lt"/>
              <a:buAutoNum type="alphaUcPeriod"/>
            </a:pPr>
            <a:r>
              <a:rPr lang="fi-FI" sz="1400" noProof="0">
                <a:solidFill>
                  <a:schemeClr val="tx1"/>
                </a:solidFill>
              </a:rPr>
              <a:t>Tiivistää lähdemateriaalia.</a:t>
            </a:r>
          </a:p>
          <a:p>
            <a:pPr marL="485775" lvl="1" indent="-342900">
              <a:buFont typeface="+mj-lt"/>
              <a:buAutoNum type="alphaUcPeriod"/>
            </a:pPr>
            <a:r>
              <a:rPr lang="fi-FI" sz="1400">
                <a:solidFill>
                  <a:schemeClr val="tx1"/>
                </a:solidFill>
              </a:rPr>
              <a:t>Ajatella kuten ihminen.</a:t>
            </a:r>
          </a:p>
          <a:p>
            <a:pPr marL="485775" lvl="1" indent="-342900">
              <a:buFont typeface="+mj-lt"/>
              <a:buAutoNum type="alphaUcPeriod"/>
            </a:pPr>
            <a:r>
              <a:rPr lang="fi-FI" sz="1400" noProof="0">
                <a:solidFill>
                  <a:schemeClr val="tx1"/>
                </a:solidFill>
              </a:rPr>
              <a:t>Ehdottaa parannusehdotuksia tekstiin.</a:t>
            </a:r>
          </a:p>
          <a:p>
            <a:pPr marL="7937" indent="0">
              <a:buNone/>
            </a:pPr>
            <a:r>
              <a:rPr lang="fi-FI" sz="1400">
                <a:solidFill>
                  <a:schemeClr val="tx1"/>
                </a:solidFill>
              </a:rPr>
              <a:t>Oikea vastaus: A, B ja D</a:t>
            </a:r>
          </a:p>
          <a:p>
            <a:pPr marL="7937" indent="0">
              <a:buNone/>
            </a:pPr>
            <a:r>
              <a:rPr lang="fi-FI" sz="1400">
                <a:solidFill>
                  <a:schemeClr val="tx1"/>
                </a:solidFill>
              </a:rPr>
              <a:t>Selitys: Kielimallit eivät ajattele kuten ihminen (C). Kielimallit valitsevat mikä vastaus on todennäköisesti oikea oppimansa perusteella. Kielimalleja voidaan opettaa tuottamaan tekstiä (A), tiivistämään (B) ja tekemään parannusehdotuksia teksteihin (C).</a:t>
            </a:r>
          </a:p>
        </p:txBody>
      </p:sp>
    </p:spTree>
    <p:extLst>
      <p:ext uri="{BB962C8B-B14F-4D97-AF65-F5344CB8AC3E}">
        <p14:creationId xmlns:p14="http://schemas.microsoft.com/office/powerpoint/2010/main" val="1857806670"/>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AC724D47-B9CF-3A2D-AAC3-915DBEA7A0A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343F78B-1ACE-F2C4-8CE8-5B961BF0C3D8}"/>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57AAA9FD-6B18-0D4B-5B73-D5C8A9A66AF7}"/>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1594E5A2-54DF-8D65-ACE3-C81041DA0601}"/>
              </a:ext>
            </a:extLst>
          </p:cNvPr>
          <p:cNvSpPr>
            <a:spLocks noGrp="1"/>
          </p:cNvSpPr>
          <p:nvPr>
            <p:ph type="sldNum" sz="quarter" idx="16"/>
          </p:nvPr>
        </p:nvSpPr>
        <p:spPr/>
        <p:txBody>
          <a:bodyPr/>
          <a:lstStyle/>
          <a:p>
            <a:fld id="{B64FCF4A-2F3F-4397-9C44-D2344643394B}" type="slidenum">
              <a:rPr lang="fi-FI" smtClean="0"/>
              <a:pPr/>
              <a:t>52</a:t>
            </a:fld>
            <a:endParaRPr lang="fi-FI"/>
          </a:p>
        </p:txBody>
      </p:sp>
      <p:sp>
        <p:nvSpPr>
          <p:cNvPr id="7" name="Content Placeholder 6">
            <a:extLst>
              <a:ext uri="{FF2B5EF4-FFF2-40B4-BE49-F238E27FC236}">
                <a16:creationId xmlns:a16="http://schemas.microsoft.com/office/drawing/2014/main" id="{57A34C3D-B447-2CA5-102E-9E5F82B972B3}"/>
              </a:ext>
            </a:extLst>
          </p:cNvPr>
          <p:cNvSpPr>
            <a:spLocks noGrp="1"/>
          </p:cNvSpPr>
          <p:nvPr>
            <p:ph sz="quarter" idx="10"/>
          </p:nvPr>
        </p:nvSpPr>
        <p:spPr>
          <a:xfrm>
            <a:off x="675005" y="1826045"/>
            <a:ext cx="5078942" cy="3991822"/>
          </a:xfrm>
        </p:spPr>
        <p:txBody>
          <a:bodyPr/>
          <a:lstStyle/>
          <a:p>
            <a:pPr marL="7937" indent="0">
              <a:buNone/>
            </a:pPr>
            <a:r>
              <a:rPr lang="fi-FI" sz="1600">
                <a:solidFill>
                  <a:schemeClr val="tx1"/>
                </a:solidFill>
              </a:rPr>
              <a:t>5</a:t>
            </a:r>
            <a:r>
              <a:rPr lang="fi-FI" sz="1600" noProof="0">
                <a:solidFill>
                  <a:schemeClr val="tx1"/>
                </a:solidFill>
              </a:rPr>
              <a:t>. Mitkä seuraavista ovat EU:n luotettavan tekoälyn</a:t>
            </a:r>
            <a:r>
              <a:rPr lang="fi-FI" sz="1600">
                <a:solidFill>
                  <a:schemeClr val="tx1"/>
                </a:solidFill>
              </a:rPr>
              <a:t> eettisten ohjeiden</a:t>
            </a:r>
            <a:r>
              <a:rPr lang="fi-FI" sz="1600" noProof="0">
                <a:solidFill>
                  <a:schemeClr val="tx1"/>
                </a:solidFill>
              </a:rPr>
              <a:t> periaatteita tekoälyn käyttöön liittyen?</a:t>
            </a:r>
          </a:p>
          <a:p>
            <a:pPr marL="371475" lvl="1" indent="-228600">
              <a:buFont typeface="+mj-lt"/>
              <a:buAutoNum type="alphaUcPeriod"/>
            </a:pPr>
            <a:r>
              <a:rPr lang="fi-FI" sz="1400">
                <a:solidFill>
                  <a:schemeClr val="tx1"/>
                </a:solidFill>
              </a:rPr>
              <a:t>Tekninen luotettavuus ja turvallisuus.</a:t>
            </a:r>
          </a:p>
          <a:p>
            <a:pPr marL="371475" lvl="1" indent="-228600">
              <a:buFont typeface="+mj-lt"/>
              <a:buAutoNum type="alphaUcPeriod"/>
            </a:pPr>
            <a:r>
              <a:rPr lang="fi-FI" sz="1400">
                <a:solidFill>
                  <a:schemeClr val="tx1"/>
                </a:solidFill>
              </a:rPr>
              <a:t>Yksityisyyden suoja ja datan hallinta.</a:t>
            </a:r>
          </a:p>
          <a:p>
            <a:pPr marL="371475" lvl="1" indent="-228600">
              <a:buFont typeface="+mj-lt"/>
              <a:buAutoNum type="alphaUcPeriod"/>
            </a:pPr>
            <a:r>
              <a:rPr lang="fi-FI" sz="1400">
                <a:solidFill>
                  <a:schemeClr val="tx1"/>
                </a:solidFill>
              </a:rPr>
              <a:t>Läpinäkyvyys.</a:t>
            </a:r>
          </a:p>
          <a:p>
            <a:pPr marL="371475" lvl="1" indent="-228600">
              <a:buFont typeface="+mj-lt"/>
              <a:buAutoNum type="alphaUcPeriod"/>
            </a:pPr>
            <a:r>
              <a:rPr lang="fi-FI" sz="1400" noProof="0">
                <a:solidFill>
                  <a:schemeClr val="tx1"/>
                </a:solidFill>
              </a:rPr>
              <a:t>Tekoälyjärjestelmien täydellinen itsenäisyys ilman ihmisen valvontaa.</a:t>
            </a:r>
          </a:p>
          <a:p>
            <a:pPr marL="7937" indent="0">
              <a:buNone/>
            </a:pPr>
            <a:r>
              <a:rPr lang="fi-FI" sz="1400">
                <a:solidFill>
                  <a:schemeClr val="tx1"/>
                </a:solidFill>
              </a:rPr>
              <a:t>Oikea vastaus: A, B ja C</a:t>
            </a:r>
          </a:p>
          <a:p>
            <a:pPr marL="7937" indent="0">
              <a:buNone/>
            </a:pPr>
            <a:r>
              <a:rPr lang="fi-FI" sz="1400">
                <a:solidFill>
                  <a:schemeClr val="tx1"/>
                </a:solidFill>
              </a:rPr>
              <a:t>Selitys: </a:t>
            </a:r>
            <a:r>
              <a:rPr lang="fi-FI" sz="1400" noProof="0"/>
              <a:t>Tekoälyn käyttö voi tehostaa toimintaa, mutta eettinen käyttö edellyttää ihmisen vastuuta ja harkintaa etenkin silloin, kun päätöksillä on merkittäviä vaikutuksia ihmisiin. Kaikkia automaattisia valintoja ei tarvitse tarkistaa yksitellen, mutta kriittisissä sovelluksissa ihmisen tulee olla lopullinen päätöksentekijä. Matalan riskin automaatiossa riittää säännöllinen seuranta ja järjestelmien luotettavuuden arviointi</a:t>
            </a:r>
            <a:r>
              <a:rPr lang="fi-FI" sz="1400" noProof="0">
                <a:solidFill>
                  <a:schemeClr val="tx1"/>
                </a:solidFill>
              </a:rPr>
              <a:t>. Esimerkiksi </a:t>
            </a:r>
            <a:r>
              <a:rPr lang="fi-FI" sz="1400">
                <a:solidFill>
                  <a:schemeClr val="tx1"/>
                </a:solidFill>
              </a:rPr>
              <a:t>hoitosuunnitelman laatimisen tai asiakkaan elämään vaikuttavien päätösten tekemisen tulee perustua eettisiin periaatteisiin, joiden varmistaminen kuuluu ihmiselle tekoälyn käyttöprosessissa.
</a:t>
            </a:r>
            <a:endParaRPr lang="fi-FI" sz="1400" noProof="0">
              <a:solidFill>
                <a:schemeClr val="tx1"/>
              </a:solidFill>
            </a:endParaRPr>
          </a:p>
        </p:txBody>
      </p:sp>
      <p:sp>
        <p:nvSpPr>
          <p:cNvPr id="6" name="Content Placeholder 5">
            <a:extLst>
              <a:ext uri="{FF2B5EF4-FFF2-40B4-BE49-F238E27FC236}">
                <a16:creationId xmlns:a16="http://schemas.microsoft.com/office/drawing/2014/main" id="{D1904145-5D46-8E20-BC19-14D6B8A0D0A5}"/>
              </a:ext>
            </a:extLst>
          </p:cNvPr>
          <p:cNvSpPr>
            <a:spLocks noGrp="1"/>
          </p:cNvSpPr>
          <p:nvPr>
            <p:ph sz="quarter" idx="18"/>
          </p:nvPr>
        </p:nvSpPr>
        <p:spPr>
          <a:xfrm>
            <a:off x="6397415" y="1826045"/>
            <a:ext cx="5078942" cy="3991822"/>
          </a:xfrm>
        </p:spPr>
        <p:txBody>
          <a:bodyPr/>
          <a:lstStyle/>
          <a:p>
            <a:pPr marL="7937" indent="0">
              <a:buNone/>
            </a:pPr>
            <a:r>
              <a:rPr lang="fi-FI" sz="1600">
                <a:solidFill>
                  <a:schemeClr val="tx1"/>
                </a:solidFill>
              </a:rPr>
              <a:t>6</a:t>
            </a:r>
            <a:r>
              <a:rPr lang="fi-FI" sz="1600" noProof="0">
                <a:solidFill>
                  <a:schemeClr val="tx1"/>
                </a:solidFill>
              </a:rPr>
              <a:t>. Miten tekoäly voi auttaa sinua työssäsi?</a:t>
            </a:r>
          </a:p>
          <a:p>
            <a:pPr marL="485775" lvl="1" indent="-342900">
              <a:buFont typeface="+mj-lt"/>
              <a:buAutoNum type="alphaUcPeriod"/>
            </a:pPr>
            <a:r>
              <a:rPr lang="fi-FI" sz="1400" noProof="0">
                <a:solidFill>
                  <a:schemeClr val="tx1"/>
                </a:solidFill>
              </a:rPr>
              <a:t>Korvata täysin ihmisen tekemän eettisen arvioinnin ja päätöksenteon.</a:t>
            </a:r>
          </a:p>
          <a:p>
            <a:pPr marL="485775" lvl="1" indent="-342900">
              <a:buFont typeface="+mj-lt"/>
              <a:buAutoNum type="alphaUcPeriod"/>
            </a:pPr>
            <a:r>
              <a:rPr lang="fi-FI" sz="1400" noProof="0">
                <a:solidFill>
                  <a:schemeClr val="tx1"/>
                </a:solidFill>
              </a:rPr>
              <a:t>Ymmärtää asiakkaiden tunteita ja henkilökohtaisia tarpeita samalla tavalla kuin ihminen.</a:t>
            </a:r>
          </a:p>
          <a:p>
            <a:pPr marL="485775" lvl="1" indent="-342900">
              <a:buFont typeface="+mj-lt"/>
              <a:buAutoNum type="alphaUcPeriod"/>
            </a:pPr>
            <a:r>
              <a:rPr lang="fi-FI" sz="1400">
                <a:solidFill>
                  <a:schemeClr val="tx1"/>
                </a:solidFill>
              </a:rPr>
              <a:t>Helpottaa ihmisten arkea </a:t>
            </a:r>
            <a:r>
              <a:rPr lang="fi-FI" sz="1400" noProof="0">
                <a:solidFill>
                  <a:schemeClr val="tx1"/>
                </a:solidFill>
              </a:rPr>
              <a:t>teknologian avulla.</a:t>
            </a:r>
          </a:p>
          <a:p>
            <a:pPr marL="485775" lvl="1" indent="-342900">
              <a:buFont typeface="+mj-lt"/>
              <a:buAutoNum type="alphaUcPeriod"/>
            </a:pPr>
            <a:r>
              <a:rPr lang="fi-FI" sz="1400" noProof="0">
                <a:solidFill>
                  <a:schemeClr val="tx1"/>
                </a:solidFill>
              </a:rPr>
              <a:t>Toimia luotettavasti ilman laadukasta dataa ja ihmisen valvontaa.</a:t>
            </a:r>
          </a:p>
          <a:p>
            <a:pPr marL="485775" lvl="1" indent="-342900">
              <a:buFont typeface="+mj-lt"/>
              <a:buAutoNum type="alphaUcPeriod"/>
            </a:pPr>
            <a:endParaRPr lang="fi-FI" sz="1400">
              <a:solidFill>
                <a:schemeClr val="tx1"/>
              </a:solidFill>
            </a:endParaRPr>
          </a:p>
          <a:p>
            <a:pPr marL="7937" indent="0">
              <a:buNone/>
            </a:pPr>
            <a:r>
              <a:rPr lang="fi-FI" sz="1400">
                <a:solidFill>
                  <a:schemeClr val="tx1"/>
                </a:solidFill>
              </a:rPr>
              <a:t>Oikea vastaus: C</a:t>
            </a:r>
          </a:p>
          <a:p>
            <a:pPr marL="7937" indent="0">
              <a:buNone/>
            </a:pPr>
            <a:r>
              <a:rPr lang="fi-FI" sz="1400">
                <a:solidFill>
                  <a:schemeClr val="tx1"/>
                </a:solidFill>
              </a:rPr>
              <a:t>Selitys: Oikea vastaus on C. Tekoäly ei voi korvata ihmisen tekemää eettistä arviointia tai päätöksentekoa, joka vaatii inhimillisten näkökulmien huomioimista ja kontekstisidonnaista harkintaa. Se ei myöskään pysty ymmärtämään asiakkaiden tunteita tai henkilökohtaisia tarpeita samalla tavalla kuin ihminen, koska se toimii datan perusteella ilman inhimillistä empatiaa. Tekoäly ei voi myöskään toimia luotettavasti ilman hyvälaatuista dataa ja ihmisen valvontaa, koska sen toiminta perustuu tekoälyn opetusaineistoon ja sille syötettyihin tietoihin. Tekoäly voi kuitenkin helpottaa arkea monin tavoin.</a:t>
            </a:r>
            <a:endParaRPr lang="fi-FI" sz="1400" noProof="0">
              <a:solidFill>
                <a:schemeClr val="tx1"/>
              </a:solidFill>
            </a:endParaRPr>
          </a:p>
        </p:txBody>
      </p:sp>
    </p:spTree>
    <p:extLst>
      <p:ext uri="{BB962C8B-B14F-4D97-AF65-F5344CB8AC3E}">
        <p14:creationId xmlns:p14="http://schemas.microsoft.com/office/powerpoint/2010/main" val="3830716884"/>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5E2BB31B-288C-46A7-7276-8DC4584D2E4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76C7C05-1747-51B1-609E-E82763B971F1}"/>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AE6B9409-7BE6-3BEF-6269-D2204F10EEB2}"/>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54321ABF-3755-E7A6-B6B8-2001E6C039E5}"/>
              </a:ext>
            </a:extLst>
          </p:cNvPr>
          <p:cNvSpPr>
            <a:spLocks noGrp="1"/>
          </p:cNvSpPr>
          <p:nvPr>
            <p:ph type="sldNum" sz="quarter" idx="16"/>
          </p:nvPr>
        </p:nvSpPr>
        <p:spPr/>
        <p:txBody>
          <a:bodyPr/>
          <a:lstStyle/>
          <a:p>
            <a:fld id="{B64FCF4A-2F3F-4397-9C44-D2344643394B}" type="slidenum">
              <a:rPr lang="fi-FI" smtClean="0"/>
              <a:pPr/>
              <a:t>53</a:t>
            </a:fld>
            <a:endParaRPr lang="fi-FI"/>
          </a:p>
        </p:txBody>
      </p:sp>
      <p:sp>
        <p:nvSpPr>
          <p:cNvPr id="7" name="Content Placeholder 6">
            <a:extLst>
              <a:ext uri="{FF2B5EF4-FFF2-40B4-BE49-F238E27FC236}">
                <a16:creationId xmlns:a16="http://schemas.microsoft.com/office/drawing/2014/main" id="{3B885CC2-D0AF-29A2-AAAA-B0586097F0B8}"/>
              </a:ext>
            </a:extLst>
          </p:cNvPr>
          <p:cNvSpPr>
            <a:spLocks noGrp="1"/>
          </p:cNvSpPr>
          <p:nvPr>
            <p:ph sz="quarter" idx="10"/>
          </p:nvPr>
        </p:nvSpPr>
        <p:spPr>
          <a:xfrm>
            <a:off x="695326" y="1896383"/>
            <a:ext cx="5078942" cy="3991822"/>
          </a:xfrm>
        </p:spPr>
        <p:txBody>
          <a:bodyPr/>
          <a:lstStyle/>
          <a:p>
            <a:pPr marL="7937" indent="0">
              <a:buNone/>
            </a:pPr>
            <a:r>
              <a:rPr lang="fi-FI" sz="1600">
                <a:solidFill>
                  <a:schemeClr val="tx1"/>
                </a:solidFill>
              </a:rPr>
              <a:t>7. Millaisia uusia mahdollisuuksia tekoäly voi tuoda hyvinvointialueiden toimintaan?</a:t>
            </a:r>
          </a:p>
          <a:p>
            <a:pPr marL="485775" lvl="1" indent="-342900">
              <a:buFont typeface="+mj-lt"/>
              <a:buAutoNum type="alphaUcPeriod"/>
            </a:pPr>
            <a:r>
              <a:rPr lang="fi-FI" sz="1400">
                <a:solidFill>
                  <a:schemeClr val="tx1"/>
                </a:solidFill>
              </a:rPr>
              <a:t>Ennakoida palvelutarpeita ja kohdentaa resursseja tehokkaammin.</a:t>
            </a:r>
          </a:p>
          <a:p>
            <a:pPr marL="485775" lvl="1" indent="-342900">
              <a:buFont typeface="+mj-lt"/>
              <a:buAutoNum type="alphaUcPeriod"/>
            </a:pPr>
            <a:r>
              <a:rPr lang="fi-FI" sz="1400">
                <a:solidFill>
                  <a:schemeClr val="tx1"/>
                </a:solidFill>
              </a:rPr>
              <a:t>Automatisoida kaikki ihmisten työt hyvinvointialueilla.</a:t>
            </a:r>
          </a:p>
          <a:p>
            <a:pPr marL="485775" lvl="1" indent="-342900">
              <a:buFont typeface="+mj-lt"/>
              <a:buAutoNum type="alphaUcPeriod"/>
            </a:pPr>
            <a:r>
              <a:rPr lang="fi-FI" sz="1400">
                <a:solidFill>
                  <a:schemeClr val="tx1"/>
                </a:solidFill>
              </a:rPr>
              <a:t>Tukea ammattilaisten päätöksentekoa analysoimalla järjestelmän käytössä olevia tietoja.</a:t>
            </a:r>
          </a:p>
          <a:p>
            <a:pPr marL="485775" lvl="1" indent="-342900">
              <a:buFont typeface="+mj-lt"/>
              <a:buAutoNum type="alphaUcPeriod"/>
            </a:pPr>
            <a:r>
              <a:rPr lang="fi-FI" sz="1400">
                <a:solidFill>
                  <a:schemeClr val="tx1"/>
                </a:solidFill>
              </a:rPr>
              <a:t>Kehittää uusia tapoja tehdä yhteistyötä toimialojen välillä.</a:t>
            </a:r>
            <a:br>
              <a:rPr lang="fi-FI" sz="1400">
                <a:solidFill>
                  <a:schemeClr val="tx1"/>
                </a:solidFill>
              </a:rPr>
            </a:br>
            <a:endParaRPr lang="fi-FI" sz="1400">
              <a:solidFill>
                <a:schemeClr val="tx1"/>
              </a:solidFill>
            </a:endParaRPr>
          </a:p>
          <a:p>
            <a:pPr marL="7937" indent="0">
              <a:buNone/>
            </a:pPr>
            <a:r>
              <a:rPr lang="fi-FI" sz="1400">
                <a:solidFill>
                  <a:schemeClr val="tx1"/>
                </a:solidFill>
              </a:rPr>
              <a:t>Oikea vastaus: A, C, D</a:t>
            </a:r>
          </a:p>
          <a:p>
            <a:pPr marL="7937" indent="0">
              <a:buNone/>
            </a:pPr>
            <a:r>
              <a:rPr lang="fi-FI" sz="1400">
                <a:solidFill>
                  <a:schemeClr val="tx1"/>
                </a:solidFill>
              </a:rPr>
              <a:t>Selitys: Oikeat vastaukset ovat A, C ja D, koska tekoäly voi analysoida dataa ja tehdä ennusteita, jotka auttavat resursseja kohdentamaan oikein, tarjota reaaliaikaista tietoa ja analyyseja päätöksenteon tueksi sekä esimerkiksi yhdistää tietoa eri toimialojen ja järjestelmien välillä, mikä mahdollistaa uudenlaisia yhteistyön tapoja. Väärä vastaus on B, koska tekoäly voi automatisoida monia tehtäviä, mutta inhimillistä vuorovaikutusta ja päätöksentekoa ei voi täysin korvata.</a:t>
            </a:r>
          </a:p>
        </p:txBody>
      </p:sp>
      <p:sp>
        <p:nvSpPr>
          <p:cNvPr id="6" name="Content Placeholder 5">
            <a:extLst>
              <a:ext uri="{FF2B5EF4-FFF2-40B4-BE49-F238E27FC236}">
                <a16:creationId xmlns:a16="http://schemas.microsoft.com/office/drawing/2014/main" id="{5DE03C27-64BD-6DB2-F396-C3D4C6F113FB}"/>
              </a:ext>
            </a:extLst>
          </p:cNvPr>
          <p:cNvSpPr>
            <a:spLocks noGrp="1"/>
          </p:cNvSpPr>
          <p:nvPr>
            <p:ph sz="quarter" idx="18"/>
          </p:nvPr>
        </p:nvSpPr>
        <p:spPr>
          <a:xfrm>
            <a:off x="6417736" y="1896383"/>
            <a:ext cx="5078942" cy="3991822"/>
          </a:xfrm>
        </p:spPr>
        <p:txBody>
          <a:bodyPr/>
          <a:lstStyle/>
          <a:p>
            <a:pPr marL="7937" indent="0">
              <a:buNone/>
            </a:pPr>
            <a:r>
              <a:rPr lang="fi-FI" sz="1600">
                <a:solidFill>
                  <a:schemeClr val="tx1"/>
                </a:solidFill>
              </a:rPr>
              <a:t>8. Mikä tai mitkä seuraavista ovat EU:n tekoälysäädöksen tavoitteita?</a:t>
            </a:r>
          </a:p>
          <a:p>
            <a:pPr marL="528638" lvl="1" indent="-342900">
              <a:buFont typeface="+mj-lt"/>
              <a:buAutoNum type="alphaUcPeriod"/>
            </a:pPr>
            <a:r>
              <a:rPr lang="fi-FI" sz="1400">
                <a:solidFill>
                  <a:schemeClr val="tx1"/>
                </a:solidFill>
              </a:rPr>
              <a:t>Varmistaa tekoälyjärjestelmien turvallisuus ja luotettavuus.</a:t>
            </a:r>
          </a:p>
          <a:p>
            <a:pPr marL="528638" lvl="1" indent="-342900">
              <a:buFont typeface="+mj-lt"/>
              <a:buAutoNum type="alphaUcPeriod"/>
            </a:pPr>
            <a:r>
              <a:rPr lang="fi-FI" sz="1400">
                <a:solidFill>
                  <a:schemeClr val="tx1"/>
                </a:solidFill>
              </a:rPr>
              <a:t>Kieltää tekoälyjärjestelmien käyttö hyvinvointialueiden toiminnassa.</a:t>
            </a:r>
          </a:p>
          <a:p>
            <a:pPr marL="528638" lvl="1" indent="-342900">
              <a:buFont typeface="+mj-lt"/>
              <a:buAutoNum type="alphaUcPeriod"/>
            </a:pPr>
            <a:r>
              <a:rPr lang="fi-FI" sz="1400">
                <a:solidFill>
                  <a:schemeClr val="tx1"/>
                </a:solidFill>
              </a:rPr>
              <a:t>Edistää ihmiskeskeistä tekoälyä ja innovaatiota.</a:t>
            </a:r>
          </a:p>
          <a:p>
            <a:pPr marL="528638" lvl="1" indent="-342900">
              <a:buFont typeface="+mj-lt"/>
              <a:buAutoNum type="alphaUcPeriod"/>
            </a:pPr>
            <a:r>
              <a:rPr lang="fi-FI" sz="1400">
                <a:solidFill>
                  <a:schemeClr val="tx1"/>
                </a:solidFill>
              </a:rPr>
              <a:t>Suojata käyttäjiä tekoälyn aiheuttamilta riskeiltä.</a:t>
            </a:r>
          </a:p>
          <a:p>
            <a:pPr marL="528638" lvl="1" indent="-342900">
              <a:buFont typeface="+mj-lt"/>
              <a:buAutoNum type="alphaUcPeriod"/>
            </a:pPr>
            <a:endParaRPr lang="fi-FI" sz="1400">
              <a:solidFill>
                <a:schemeClr val="tx1"/>
              </a:solidFill>
            </a:endParaRPr>
          </a:p>
          <a:p>
            <a:pPr marL="7937" indent="0">
              <a:buNone/>
            </a:pPr>
            <a:r>
              <a:rPr lang="fi-FI" sz="1400">
                <a:solidFill>
                  <a:schemeClr val="tx1"/>
                </a:solidFill>
              </a:rPr>
              <a:t>Oikea vastaus: A, C ja D.</a:t>
            </a:r>
          </a:p>
          <a:p>
            <a:pPr marL="7937" indent="0">
              <a:buNone/>
            </a:pPr>
            <a:r>
              <a:rPr lang="fi-FI" sz="1400">
                <a:solidFill>
                  <a:schemeClr val="tx1"/>
                </a:solidFill>
              </a:rPr>
              <a:t>Selitys: Tekoälysäädöksen tavoitteena on varmistaa, että tekoälyjärjestelmät ovat turvallisia ja luotettavia (A) ja että ne suojaavat käyttäjiä tekoälyn mahdollisilta riskeiltä (D). Lisäksi säädös pyrkii edistämään ihmiskeskeistä tekoälyä ja innovaatioita (C), jotta tekoäly tukee ihmisten toimintaa eikä korvaa sitä täysin. Väärä vastaus on B, koska säädös ei kiellä tekoälyn käyttöä julkishallinnossa, vaan pyrkii mahdollistamaan sen vastuullisen käytön.</a:t>
            </a:r>
          </a:p>
        </p:txBody>
      </p:sp>
    </p:spTree>
    <p:extLst>
      <p:ext uri="{BB962C8B-B14F-4D97-AF65-F5344CB8AC3E}">
        <p14:creationId xmlns:p14="http://schemas.microsoft.com/office/powerpoint/2010/main" val="1460648491"/>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9086439B-F628-A9EA-742F-C3F43A26A23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8C7E646-402C-1366-74BF-E80158585E9E}"/>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53CCFB26-1C2F-A781-4FD0-A34558EBE5F4}"/>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1F704C3F-7955-C334-26D3-A49E918057A7}"/>
              </a:ext>
            </a:extLst>
          </p:cNvPr>
          <p:cNvSpPr>
            <a:spLocks noGrp="1"/>
          </p:cNvSpPr>
          <p:nvPr>
            <p:ph type="sldNum" sz="quarter" idx="16"/>
          </p:nvPr>
        </p:nvSpPr>
        <p:spPr/>
        <p:txBody>
          <a:bodyPr/>
          <a:lstStyle/>
          <a:p>
            <a:fld id="{B64FCF4A-2F3F-4397-9C44-D2344643394B}" type="slidenum">
              <a:rPr lang="fi-FI" smtClean="0"/>
              <a:pPr/>
              <a:t>54</a:t>
            </a:fld>
            <a:endParaRPr lang="fi-FI"/>
          </a:p>
        </p:txBody>
      </p:sp>
      <p:sp>
        <p:nvSpPr>
          <p:cNvPr id="7" name="Content Placeholder 6">
            <a:extLst>
              <a:ext uri="{FF2B5EF4-FFF2-40B4-BE49-F238E27FC236}">
                <a16:creationId xmlns:a16="http://schemas.microsoft.com/office/drawing/2014/main" id="{1FBF6F42-8884-F83C-8108-10F0BC0150C2}"/>
              </a:ext>
            </a:extLst>
          </p:cNvPr>
          <p:cNvSpPr>
            <a:spLocks noGrp="1"/>
          </p:cNvSpPr>
          <p:nvPr>
            <p:ph sz="quarter" idx="10"/>
          </p:nvPr>
        </p:nvSpPr>
        <p:spPr>
          <a:xfrm>
            <a:off x="695323" y="1733331"/>
            <a:ext cx="5078942" cy="4819914"/>
          </a:xfrm>
        </p:spPr>
        <p:txBody>
          <a:bodyPr/>
          <a:lstStyle/>
          <a:p>
            <a:pPr marL="7937" indent="0">
              <a:buNone/>
            </a:pPr>
            <a:r>
              <a:rPr lang="fi-FI" sz="1600">
                <a:solidFill>
                  <a:schemeClr val="tx1"/>
                </a:solidFill>
              </a:rPr>
              <a:t>9. Miten tekoälysäädös määrittelee ihmisen roolin tekoälyjärjestelmien valvonnassa?</a:t>
            </a:r>
          </a:p>
          <a:p>
            <a:pPr marL="528638" lvl="1" indent="-342900">
              <a:buFont typeface="+mj-lt"/>
              <a:buAutoNum type="alphaUcPeriod"/>
            </a:pPr>
            <a:r>
              <a:rPr lang="fi-FI" sz="1400">
                <a:solidFill>
                  <a:schemeClr val="tx1"/>
                </a:solidFill>
              </a:rPr>
              <a:t>Ihmisen tulee aina voida valvoa järjestelmän toimintaa.</a:t>
            </a:r>
          </a:p>
          <a:p>
            <a:pPr marL="528638" lvl="1" indent="-342900">
              <a:buFont typeface="+mj-lt"/>
              <a:buAutoNum type="alphaUcPeriod"/>
            </a:pPr>
            <a:r>
              <a:rPr lang="fi-FI" sz="1400">
                <a:solidFill>
                  <a:schemeClr val="tx1"/>
                </a:solidFill>
              </a:rPr>
              <a:t>Ihmisen on pystyttävä vaikuttamaan tekoälyn toimintaan tarvittaessa.</a:t>
            </a:r>
          </a:p>
          <a:p>
            <a:pPr marL="528638" lvl="1" indent="-342900">
              <a:buFont typeface="+mj-lt"/>
              <a:buAutoNum type="alphaUcPeriod"/>
            </a:pPr>
            <a:r>
              <a:rPr lang="fi-FI" sz="1400">
                <a:solidFill>
                  <a:schemeClr val="tx1"/>
                </a:solidFill>
              </a:rPr>
              <a:t>Ihmisen valvonta on vapaaehtoista, jos järjestelmä on suuririskinen.</a:t>
            </a:r>
          </a:p>
          <a:p>
            <a:pPr marL="528638" lvl="1" indent="-342900">
              <a:buFont typeface="+mj-lt"/>
              <a:buAutoNum type="alphaUcPeriod"/>
            </a:pPr>
            <a:r>
              <a:rPr lang="fi-FI" sz="1400">
                <a:solidFill>
                  <a:schemeClr val="tx1"/>
                </a:solidFill>
              </a:rPr>
              <a:t>Järjestelmä voi toimia ilman ihmisen valvontaa, jos se ei käsittele henkilötietoja.</a:t>
            </a:r>
          </a:p>
          <a:p>
            <a:pPr marL="7937" indent="0">
              <a:buNone/>
            </a:pPr>
            <a:r>
              <a:rPr lang="fi-FI" sz="1400" noProof="0">
                <a:solidFill>
                  <a:schemeClr val="tx1"/>
                </a:solidFill>
              </a:rPr>
              <a:t>Oikea vastaus: A ja B.</a:t>
            </a:r>
          </a:p>
          <a:p>
            <a:pPr marL="7937" indent="0">
              <a:buNone/>
            </a:pPr>
            <a:r>
              <a:rPr lang="fi-FI" sz="1400" noProof="0">
                <a:solidFill>
                  <a:schemeClr val="tx1"/>
                </a:solidFill>
              </a:rPr>
              <a:t>Selitys: Ihmisellä on oltava mahdollisuus valvoa tekoälyjärjestelmän toimintaa (A), erityisesti silloin, kun järjestelmä voi vaikuttaa merkittävästi ihmisten oikeuksiin tai turvallisuuteen. Lisäksi ihmisen on pystyttävä puuttumaan tekoälyn toimintaan tarvittaessa (B), esimerkiksi korjaamaan virheitä. Ihmisen ei kuitenkaan tarvitse tarkistaa jokaista matalariskisen tekoälyjärjestelmän tekemää valintaa. Väärät vastaukset ovat C ja D, koska valvonta ei ole vapaaehtoista suuririskisissä järjestelmissä (C), eikä järjestelmä voi toimia ilman ihmisen valvontaa pelkästään sillä perusteella, että se ei käsittele henkilötietoja (D).</a:t>
            </a:r>
          </a:p>
        </p:txBody>
      </p:sp>
      <p:sp>
        <p:nvSpPr>
          <p:cNvPr id="6" name="Content Placeholder 5">
            <a:extLst>
              <a:ext uri="{FF2B5EF4-FFF2-40B4-BE49-F238E27FC236}">
                <a16:creationId xmlns:a16="http://schemas.microsoft.com/office/drawing/2014/main" id="{45ABE230-B315-0A67-8149-3CDCEE03701F}"/>
              </a:ext>
            </a:extLst>
          </p:cNvPr>
          <p:cNvSpPr>
            <a:spLocks noGrp="1"/>
          </p:cNvSpPr>
          <p:nvPr>
            <p:ph sz="quarter" idx="18"/>
          </p:nvPr>
        </p:nvSpPr>
        <p:spPr>
          <a:xfrm>
            <a:off x="6417733" y="1733331"/>
            <a:ext cx="5078942" cy="3991822"/>
          </a:xfrm>
        </p:spPr>
        <p:txBody>
          <a:bodyPr/>
          <a:lstStyle/>
          <a:p>
            <a:pPr marL="7937" indent="0">
              <a:buNone/>
            </a:pPr>
            <a:r>
              <a:rPr lang="fi-FI" sz="1600">
                <a:solidFill>
                  <a:schemeClr val="tx1"/>
                </a:solidFill>
              </a:rPr>
              <a:t>10. Miten tekoälysäädös suhtautuu automaattiseen päätöksentekoon?</a:t>
            </a:r>
          </a:p>
          <a:p>
            <a:pPr marL="485775" lvl="1" indent="-342900">
              <a:buFont typeface="+mj-lt"/>
              <a:buAutoNum type="alphaUcPeriod"/>
            </a:pPr>
            <a:r>
              <a:rPr lang="fi-FI" sz="1400">
                <a:solidFill>
                  <a:schemeClr val="tx1"/>
                </a:solidFill>
              </a:rPr>
              <a:t>Automatisoitu päätöksenteko on aina sallittua ilman rajoituksia.</a:t>
            </a:r>
          </a:p>
          <a:p>
            <a:pPr marL="485775" lvl="1" indent="-342900">
              <a:buFont typeface="+mj-lt"/>
              <a:buAutoNum type="alphaUcPeriod"/>
            </a:pPr>
            <a:r>
              <a:rPr lang="fi-FI" sz="1400">
                <a:solidFill>
                  <a:schemeClr val="tx1"/>
                </a:solidFill>
              </a:rPr>
              <a:t>Automatisoidut päätökset ovat sallittuja, jos niiden perustelut ovat palautettavissa ja selitettävissä.</a:t>
            </a:r>
          </a:p>
          <a:p>
            <a:pPr marL="485775" lvl="1" indent="-342900">
              <a:buFont typeface="+mj-lt"/>
              <a:buAutoNum type="alphaUcPeriod"/>
            </a:pPr>
            <a:r>
              <a:rPr lang="fi-FI" sz="1400">
                <a:solidFill>
                  <a:schemeClr val="tx1"/>
                </a:solidFill>
              </a:rPr>
              <a:t>Kaikki automatisoitu päätöksenteko on kielletty.</a:t>
            </a:r>
          </a:p>
          <a:p>
            <a:pPr marL="485775" lvl="1" indent="-342900">
              <a:buFont typeface="+mj-lt"/>
              <a:buAutoNum type="alphaUcPeriod"/>
            </a:pPr>
            <a:r>
              <a:rPr lang="fi-FI" sz="1400">
                <a:solidFill>
                  <a:schemeClr val="tx1"/>
                </a:solidFill>
              </a:rPr>
              <a:t>Automatisoitu päätöksenteko ei kuulu sääntelyn piiriin.</a:t>
            </a:r>
            <a:endParaRPr lang="fi-FI" sz="1600">
              <a:solidFill>
                <a:schemeClr val="tx1"/>
              </a:solidFill>
            </a:endParaRPr>
          </a:p>
          <a:p>
            <a:pPr marL="7937" indent="0">
              <a:buNone/>
            </a:pPr>
            <a:r>
              <a:rPr lang="fi-FI" sz="1400">
                <a:solidFill>
                  <a:schemeClr val="tx1"/>
                </a:solidFill>
              </a:rPr>
              <a:t>Oikea vastaus: B.</a:t>
            </a:r>
          </a:p>
          <a:p>
            <a:pPr marL="7937" indent="0">
              <a:buNone/>
            </a:pPr>
            <a:r>
              <a:rPr lang="fi-FI" sz="1400">
                <a:solidFill>
                  <a:schemeClr val="tx1"/>
                </a:solidFill>
              </a:rPr>
              <a:t>Selitys: Kaikki automaattinen päätöksenteko ei ole kiellettyä (C). Automaattinen päätöksenteko on sallittua, kun hyödynnetään sellaisia tekoälyn muotoja, joiden päätösten perusteet ovat selvitettävissä (B). Tällaisia menetelmiä ovat esimerkiksi koneoppiminen ja sääntöpohjaiset tekoälyjärjestelmät. Automaattinen päätöksenteko ei saa vaarantaa perusoikeuksia tai saattaa ihmisiä eriarvoiseen asemaan (A, D).</a:t>
            </a:r>
            <a:endParaRPr lang="fi-FI" sz="1200" noProof="0">
              <a:solidFill>
                <a:schemeClr val="tx1"/>
              </a:solidFill>
            </a:endParaRPr>
          </a:p>
        </p:txBody>
      </p:sp>
    </p:spTree>
    <p:extLst>
      <p:ext uri="{BB962C8B-B14F-4D97-AF65-F5344CB8AC3E}">
        <p14:creationId xmlns:p14="http://schemas.microsoft.com/office/powerpoint/2010/main" val="1635967978"/>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3B400362-97EF-7236-5CAD-C76003BCFDA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4CB2865-56CD-9853-C2B2-2E74FBCD5B7A}"/>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630BC7CB-A661-6D2C-5CC0-692EF61B29B5}"/>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674780C5-C921-AC25-58A8-451C733B7DEB}"/>
              </a:ext>
            </a:extLst>
          </p:cNvPr>
          <p:cNvSpPr>
            <a:spLocks noGrp="1"/>
          </p:cNvSpPr>
          <p:nvPr>
            <p:ph type="sldNum" sz="quarter" idx="16"/>
          </p:nvPr>
        </p:nvSpPr>
        <p:spPr/>
        <p:txBody>
          <a:bodyPr/>
          <a:lstStyle/>
          <a:p>
            <a:fld id="{B64FCF4A-2F3F-4397-9C44-D2344643394B}" type="slidenum">
              <a:rPr lang="fi-FI" smtClean="0"/>
              <a:pPr/>
              <a:t>55</a:t>
            </a:fld>
            <a:endParaRPr lang="fi-FI"/>
          </a:p>
        </p:txBody>
      </p:sp>
      <p:sp>
        <p:nvSpPr>
          <p:cNvPr id="7" name="Content Placeholder 6">
            <a:extLst>
              <a:ext uri="{FF2B5EF4-FFF2-40B4-BE49-F238E27FC236}">
                <a16:creationId xmlns:a16="http://schemas.microsoft.com/office/drawing/2014/main" id="{A97C480E-5295-6CE7-49F7-F7862704BCC0}"/>
              </a:ext>
            </a:extLst>
          </p:cNvPr>
          <p:cNvSpPr>
            <a:spLocks noGrp="1"/>
          </p:cNvSpPr>
          <p:nvPr>
            <p:ph sz="quarter" idx="10"/>
          </p:nvPr>
        </p:nvSpPr>
        <p:spPr>
          <a:xfrm>
            <a:off x="695326" y="1920191"/>
            <a:ext cx="5078942" cy="4819914"/>
          </a:xfrm>
        </p:spPr>
        <p:txBody>
          <a:bodyPr/>
          <a:lstStyle/>
          <a:p>
            <a:pPr marL="7937" indent="0">
              <a:buNone/>
            </a:pPr>
            <a:r>
              <a:rPr lang="fi-FI" sz="1600">
                <a:solidFill>
                  <a:schemeClr val="tx1"/>
                </a:solidFill>
              </a:rPr>
              <a:t>11. Mikä seuraavista on suuririskisen tekoälyjärjestelmän piirre tekoälysäädöksen mukaan?</a:t>
            </a:r>
          </a:p>
          <a:p>
            <a:pPr marL="485775" lvl="1" indent="-342900">
              <a:buFont typeface="+mj-lt"/>
              <a:buAutoNum type="alphaUcPeriod"/>
            </a:pPr>
            <a:r>
              <a:rPr lang="fi-FI" sz="1400">
                <a:solidFill>
                  <a:schemeClr val="tx1"/>
                </a:solidFill>
              </a:rPr>
              <a:t>Järjestelmän tekninen monimutkaisuus.</a:t>
            </a:r>
          </a:p>
          <a:p>
            <a:pPr marL="485775" lvl="1" indent="-342900">
              <a:buFont typeface="+mj-lt"/>
              <a:buAutoNum type="alphaUcPeriod"/>
            </a:pPr>
            <a:r>
              <a:rPr lang="fi-FI" sz="1400">
                <a:solidFill>
                  <a:schemeClr val="tx1"/>
                </a:solidFill>
              </a:rPr>
              <a:t>Järjestelmän merkittävä vaikutus henkilön perusoikeuksiin, terveyteen ja turvallisuuteen.</a:t>
            </a:r>
          </a:p>
          <a:p>
            <a:pPr marL="485775" lvl="1" indent="-342900">
              <a:buFont typeface="+mj-lt"/>
              <a:buAutoNum type="alphaUcPeriod"/>
            </a:pPr>
            <a:r>
              <a:rPr lang="fi-FI" sz="1400">
                <a:solidFill>
                  <a:schemeClr val="tx1"/>
                </a:solidFill>
              </a:rPr>
              <a:t>Järjestelmän kyky tehdä automaattisia päätöksiä.</a:t>
            </a:r>
          </a:p>
          <a:p>
            <a:pPr marL="485775" lvl="1" indent="-342900">
              <a:buFont typeface="+mj-lt"/>
              <a:buAutoNum type="alphaUcPeriod"/>
            </a:pPr>
            <a:r>
              <a:rPr lang="fi-FI" sz="1400">
                <a:solidFill>
                  <a:schemeClr val="tx1"/>
                </a:solidFill>
              </a:rPr>
              <a:t>Järjestelmän käytön laajuus organisaatiossa.</a:t>
            </a:r>
          </a:p>
          <a:p>
            <a:pPr marL="485775" lvl="1" indent="-342900">
              <a:buFont typeface="+mj-lt"/>
              <a:buAutoNum type="alphaUcPeriod"/>
            </a:pPr>
            <a:endParaRPr lang="fi-FI" sz="1400">
              <a:solidFill>
                <a:schemeClr val="tx1"/>
              </a:solidFill>
            </a:endParaRPr>
          </a:p>
          <a:p>
            <a:pPr marL="142875" lvl="1" indent="0">
              <a:buNone/>
            </a:pPr>
            <a:r>
              <a:rPr lang="fi-FI" sz="1400">
                <a:solidFill>
                  <a:schemeClr val="tx1"/>
                </a:solidFill>
              </a:rPr>
              <a:t>Oikea vastaus: B.</a:t>
            </a:r>
          </a:p>
          <a:p>
            <a:pPr marL="142875" lvl="1" indent="0">
              <a:buNone/>
            </a:pPr>
            <a:r>
              <a:rPr lang="fi-FI" sz="1400">
                <a:solidFill>
                  <a:schemeClr val="tx1"/>
                </a:solidFill>
              </a:rPr>
              <a:t>Selitys: Tekoälyjärjestelmien riskien arvioinnissa järjestelmän vaikutukset perusoikeuksiin, terveyteen ja turvallisuuteen (B). Järjestelmän monimutkaisuus (A), kyky tehdä päätöksiä (C) tai sen käytön laajuus organisaatiossa (D) eivät ole suuririskisen tekoälyjärjestelmän piirteitä. Tällaiset järjestelmät voivat kuitenkin olla suuririskisiä, mikäli niiden toiminnalla on merkittäviä vaikutuksia henkilön perusoikeuksiin, terveyteen tai turvallisuuteen.</a:t>
            </a:r>
          </a:p>
        </p:txBody>
      </p:sp>
      <p:sp>
        <p:nvSpPr>
          <p:cNvPr id="6" name="Content Placeholder 5">
            <a:extLst>
              <a:ext uri="{FF2B5EF4-FFF2-40B4-BE49-F238E27FC236}">
                <a16:creationId xmlns:a16="http://schemas.microsoft.com/office/drawing/2014/main" id="{88EB5F35-CD7D-C8FA-E3BD-4AFC5F6E1ABD}"/>
              </a:ext>
            </a:extLst>
          </p:cNvPr>
          <p:cNvSpPr>
            <a:spLocks noGrp="1"/>
          </p:cNvSpPr>
          <p:nvPr>
            <p:ph sz="quarter" idx="18"/>
          </p:nvPr>
        </p:nvSpPr>
        <p:spPr>
          <a:xfrm>
            <a:off x="6417736" y="1920191"/>
            <a:ext cx="5078942" cy="3991822"/>
          </a:xfrm>
        </p:spPr>
        <p:txBody>
          <a:bodyPr/>
          <a:lstStyle/>
          <a:p>
            <a:pPr marL="7937" indent="0">
              <a:buNone/>
            </a:pPr>
            <a:r>
              <a:rPr lang="fi-FI" sz="1600">
                <a:solidFill>
                  <a:schemeClr val="tx1"/>
                </a:solidFill>
              </a:rPr>
              <a:t>12. Kuka on vastuussa tekoälyn lukutaidon kehittämisestä henkilöstössä?</a:t>
            </a:r>
          </a:p>
          <a:p>
            <a:pPr marL="485775" lvl="1" indent="-342900">
              <a:buFont typeface="+mj-lt"/>
              <a:buAutoNum type="alphaUcPeriod"/>
            </a:pPr>
            <a:r>
              <a:rPr lang="fi-FI" sz="1400">
                <a:solidFill>
                  <a:schemeClr val="tx1"/>
                </a:solidFill>
              </a:rPr>
              <a:t>Organisaation johto tarjoaa työkalut ja resurssit, mutta henkilöstö on vastuussa niiden hyödyntämisestä.</a:t>
            </a:r>
          </a:p>
          <a:p>
            <a:pPr marL="485775" lvl="1" indent="-342900">
              <a:buFont typeface="+mj-lt"/>
              <a:buAutoNum type="alphaUcPeriod"/>
            </a:pPr>
            <a:r>
              <a:rPr lang="fi-FI" sz="1400">
                <a:solidFill>
                  <a:schemeClr val="tx1"/>
                </a:solidFill>
              </a:rPr>
              <a:t>Vain tekoälyn kehittäjät, koska he tuntevat järjestelmän parhaiten.</a:t>
            </a:r>
          </a:p>
          <a:p>
            <a:pPr marL="485775" lvl="1" indent="-342900">
              <a:buFont typeface="+mj-lt"/>
              <a:buAutoNum type="alphaUcPeriod"/>
            </a:pPr>
            <a:r>
              <a:rPr lang="fi-FI" sz="1400">
                <a:solidFill>
                  <a:schemeClr val="tx1"/>
                </a:solidFill>
              </a:rPr>
              <a:t>Asiakkaat, joiden tiedot järjestelmä käsittelee.</a:t>
            </a:r>
          </a:p>
          <a:p>
            <a:pPr marL="485775" lvl="1" indent="-342900">
              <a:buFont typeface="+mj-lt"/>
              <a:buAutoNum type="alphaUcPeriod"/>
            </a:pPr>
            <a:r>
              <a:rPr lang="fi-FI" sz="1400">
                <a:solidFill>
                  <a:schemeClr val="tx1"/>
                </a:solidFill>
              </a:rPr>
              <a:t>Koulutusorganisaatiot, jotka vastaavat oppimateriaaleista.</a:t>
            </a:r>
          </a:p>
          <a:p>
            <a:pPr marL="7937" indent="0">
              <a:buNone/>
            </a:pPr>
            <a:r>
              <a:rPr lang="fi-FI" sz="1400" noProof="0">
                <a:solidFill>
                  <a:schemeClr val="tx1"/>
                </a:solidFill>
              </a:rPr>
              <a:t>Oikea vastaus: A.</a:t>
            </a:r>
          </a:p>
          <a:p>
            <a:pPr marL="7937" indent="0">
              <a:buNone/>
            </a:pPr>
            <a:r>
              <a:rPr lang="fi-FI" sz="1400" noProof="0">
                <a:solidFill>
                  <a:schemeClr val="tx1"/>
                </a:solidFill>
              </a:rPr>
              <a:t>Selitys: Organisaation johto on vastuussa siitä, että henkilöstölle tarjotaan tarvittavat työkalut ja resurssit tekoälyn lukutaidon kehittämiseen. Henkilöstöllä puolestaan on vastuu näiden resurssien hyödyntämisestä, oman tekoälyn lukutaidon kehittämisestä ja oppimansa soveltamisesta käytännössä. Väärät vastaukset ovat B, C ja D, koska tekoälyn kehittäjillä (B) tai asiakkailla (C) ei ole vastuuta henkilöstön koulutuksesta, ja vaikka koulutusorganisaatiot (D) voivat tarjota oppimateriaaleja, vastuu osaamisen kehittämisestä kuuluu organisaatiolle ja työntekijöille.</a:t>
            </a:r>
          </a:p>
        </p:txBody>
      </p:sp>
    </p:spTree>
    <p:extLst>
      <p:ext uri="{BB962C8B-B14F-4D97-AF65-F5344CB8AC3E}">
        <p14:creationId xmlns:p14="http://schemas.microsoft.com/office/powerpoint/2010/main" val="3966005369"/>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9C067331-1A2D-AC2D-3C48-260A2D45653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C06235D-6B40-19A9-2547-73DE9DA08579}"/>
              </a:ext>
            </a:extLst>
          </p:cNvPr>
          <p:cNvSpPr>
            <a:spLocks noGrp="1"/>
          </p:cNvSpPr>
          <p:nvPr>
            <p:ph type="title"/>
          </p:nvPr>
        </p:nvSpPr>
        <p:spPr/>
        <p:txBody>
          <a:bodyPr/>
          <a:lstStyle/>
          <a:p>
            <a:r>
              <a:rPr lang="fi-FI" noProof="0"/>
              <a:t>Tarkista vastauksesi</a:t>
            </a:r>
          </a:p>
        </p:txBody>
      </p:sp>
      <p:sp>
        <p:nvSpPr>
          <p:cNvPr id="3" name="Text Placeholder 2">
            <a:extLst>
              <a:ext uri="{FF2B5EF4-FFF2-40B4-BE49-F238E27FC236}">
                <a16:creationId xmlns:a16="http://schemas.microsoft.com/office/drawing/2014/main" id="{656364CC-C4A2-E549-6829-9FD73569699B}"/>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3B38A1E0-EB33-D077-7667-C04D7E252200}"/>
              </a:ext>
            </a:extLst>
          </p:cNvPr>
          <p:cNvSpPr>
            <a:spLocks noGrp="1"/>
          </p:cNvSpPr>
          <p:nvPr>
            <p:ph type="sldNum" sz="quarter" idx="16"/>
          </p:nvPr>
        </p:nvSpPr>
        <p:spPr/>
        <p:txBody>
          <a:bodyPr/>
          <a:lstStyle/>
          <a:p>
            <a:fld id="{B64FCF4A-2F3F-4397-9C44-D2344643394B}" type="slidenum">
              <a:rPr lang="fi-FI" smtClean="0"/>
              <a:pPr/>
              <a:t>56</a:t>
            </a:fld>
            <a:endParaRPr lang="fi-FI"/>
          </a:p>
        </p:txBody>
      </p:sp>
      <p:sp>
        <p:nvSpPr>
          <p:cNvPr id="7" name="Content Placeholder 6">
            <a:extLst>
              <a:ext uri="{FF2B5EF4-FFF2-40B4-BE49-F238E27FC236}">
                <a16:creationId xmlns:a16="http://schemas.microsoft.com/office/drawing/2014/main" id="{CBF44728-2631-6D96-A064-3F3B2DB5A60B}"/>
              </a:ext>
            </a:extLst>
          </p:cNvPr>
          <p:cNvSpPr>
            <a:spLocks noGrp="1"/>
          </p:cNvSpPr>
          <p:nvPr>
            <p:ph sz="quarter" idx="10"/>
          </p:nvPr>
        </p:nvSpPr>
        <p:spPr>
          <a:xfrm>
            <a:off x="695323" y="1634784"/>
            <a:ext cx="5078942" cy="4819914"/>
          </a:xfrm>
        </p:spPr>
        <p:txBody>
          <a:bodyPr/>
          <a:lstStyle/>
          <a:p>
            <a:pPr marL="7937" indent="0">
              <a:buNone/>
            </a:pPr>
            <a:r>
              <a:rPr lang="fi-FI" sz="1600">
                <a:solidFill>
                  <a:schemeClr val="tx1"/>
                </a:solidFill>
              </a:rPr>
              <a:t>13. Kuka on vastuussa tekoälyn tarkoituksen mukaisesta käytöstä ja sääntelyn noudattamisesta organisaatioissa?</a:t>
            </a:r>
          </a:p>
          <a:p>
            <a:pPr marL="485775" lvl="1" indent="-342900">
              <a:buFont typeface="+mj-lt"/>
              <a:buAutoNum type="alphaUcPeriod"/>
            </a:pPr>
            <a:r>
              <a:rPr lang="fi-FI" sz="1400">
                <a:solidFill>
                  <a:schemeClr val="tx1"/>
                </a:solidFill>
              </a:rPr>
              <a:t>Hyvinvointialueen johto ja organisaatio.</a:t>
            </a:r>
          </a:p>
          <a:p>
            <a:pPr marL="485775" lvl="1" indent="-342900">
              <a:buFont typeface="+mj-lt"/>
              <a:buAutoNum type="alphaUcPeriod"/>
            </a:pPr>
            <a:r>
              <a:rPr lang="fi-FI" sz="1400">
                <a:solidFill>
                  <a:schemeClr val="tx1"/>
                </a:solidFill>
              </a:rPr>
              <a:t>Lainsäätäjät, jotka ovat asettaneet sääntelyvaatimukset.</a:t>
            </a:r>
          </a:p>
          <a:p>
            <a:pPr marL="485775" lvl="1" indent="-342900">
              <a:buFont typeface="+mj-lt"/>
              <a:buAutoNum type="alphaUcPeriod"/>
            </a:pPr>
            <a:r>
              <a:rPr lang="fi-FI" sz="1400">
                <a:solidFill>
                  <a:schemeClr val="tx1"/>
                </a:solidFill>
              </a:rPr>
              <a:t>Henkilöstö, joka käyttää järjestelmää.</a:t>
            </a:r>
          </a:p>
          <a:p>
            <a:pPr marL="485775" lvl="1" indent="-342900">
              <a:buFont typeface="+mj-lt"/>
              <a:buAutoNum type="alphaUcPeriod"/>
            </a:pPr>
            <a:r>
              <a:rPr lang="fi-FI" sz="1400">
                <a:solidFill>
                  <a:schemeClr val="tx1"/>
                </a:solidFill>
              </a:rPr>
              <a:t>Ei kukaan, koska järjestelmä toimii itsenäisesti.</a:t>
            </a:r>
          </a:p>
          <a:p>
            <a:pPr marL="142875" lvl="1" indent="0">
              <a:buNone/>
            </a:pPr>
            <a:endParaRPr lang="fi-FI" sz="1400">
              <a:solidFill>
                <a:schemeClr val="tx1"/>
              </a:solidFill>
            </a:endParaRPr>
          </a:p>
          <a:p>
            <a:pPr marL="142875" lvl="1" indent="0">
              <a:buNone/>
            </a:pPr>
            <a:r>
              <a:rPr lang="fi-FI" sz="1400">
                <a:solidFill>
                  <a:schemeClr val="tx1"/>
                </a:solidFill>
              </a:rPr>
              <a:t>Oikeat vastaukset: A ja C.</a:t>
            </a:r>
          </a:p>
          <a:p>
            <a:pPr marL="142875" lvl="1" indent="0">
              <a:buNone/>
            </a:pPr>
            <a:r>
              <a:rPr lang="fi-FI" sz="1400">
                <a:solidFill>
                  <a:schemeClr val="tx1"/>
                </a:solidFill>
              </a:rPr>
              <a:t>Selitys: Hyvinvointialueen johto ja organisaatio (A) ovat ensisijaisesti vastuussa siitä, että tekoälyjärjestelmien käyttö noudattaa lakia ja sääntelyä. Järjestelmää käyttävällä henkilöstöllä (C) on vastuu käyttää järjestelmää asianmukaisesti ja raportoida järjestelmien käyttöön liittyvistä puutteista tai epäkohdista. Väärät vastaukset ovat B ja D. Lainsäätäjät eivät ole vastuussa tekoälyjärjestelmän käytöstä organisaatioissa, vaan heidän tehtävänsä on laatia yleiset säädökset ja puitteet tekoälyn turvalliselle ja eettiselle käytölle. D on väärin, sillä tekoäly ei ole täysin itsenäinen toimija, vaan sen käytöstä vastaa aina ihminen.</a:t>
            </a:r>
            <a:endParaRPr lang="fi-FI" sz="1400" noProof="0">
              <a:solidFill>
                <a:schemeClr val="tx1"/>
              </a:solidFill>
            </a:endParaRPr>
          </a:p>
        </p:txBody>
      </p:sp>
      <p:sp>
        <p:nvSpPr>
          <p:cNvPr id="6" name="Content Placeholder 5">
            <a:extLst>
              <a:ext uri="{FF2B5EF4-FFF2-40B4-BE49-F238E27FC236}">
                <a16:creationId xmlns:a16="http://schemas.microsoft.com/office/drawing/2014/main" id="{38A18ABE-BA3E-B7AE-E109-2E0C7664DB40}"/>
              </a:ext>
            </a:extLst>
          </p:cNvPr>
          <p:cNvSpPr>
            <a:spLocks noGrp="1"/>
          </p:cNvSpPr>
          <p:nvPr>
            <p:ph sz="quarter" idx="18"/>
          </p:nvPr>
        </p:nvSpPr>
        <p:spPr>
          <a:xfrm>
            <a:off x="6417733" y="1634784"/>
            <a:ext cx="5078942" cy="3991822"/>
          </a:xfrm>
        </p:spPr>
        <p:txBody>
          <a:bodyPr/>
          <a:lstStyle/>
          <a:p>
            <a:pPr marL="7937" indent="0">
              <a:buNone/>
            </a:pPr>
            <a:r>
              <a:rPr lang="fi-FI" sz="1600">
                <a:solidFill>
                  <a:schemeClr val="tx1"/>
                </a:solidFill>
              </a:rPr>
              <a:t>14. Mitä sinun tulee tehdä, kun käytät tekoälyn tekemiä suosituksia päätöksenteossa?</a:t>
            </a:r>
          </a:p>
          <a:p>
            <a:pPr marL="485775" lvl="1" indent="-342900">
              <a:buFont typeface="+mj-lt"/>
              <a:buAutoNum type="alphaUcPeriod"/>
            </a:pPr>
            <a:r>
              <a:rPr lang="fi-FI" sz="1400">
                <a:solidFill>
                  <a:schemeClr val="tx1"/>
                </a:solidFill>
              </a:rPr>
              <a:t>Hyväksyä ne sellaisenaan ilman tarkistamista.</a:t>
            </a:r>
          </a:p>
          <a:p>
            <a:pPr marL="485775" lvl="1" indent="-342900">
              <a:buFont typeface="+mj-lt"/>
              <a:buAutoNum type="alphaUcPeriod"/>
            </a:pPr>
            <a:r>
              <a:rPr lang="fi-FI" sz="1400">
                <a:solidFill>
                  <a:schemeClr val="tx1"/>
                </a:solidFill>
              </a:rPr>
              <a:t>Varmistaa, että suositukset ovat perusteltuja, luotettavia ja tarkoituksenmukaisia.</a:t>
            </a:r>
          </a:p>
          <a:p>
            <a:pPr marL="485775" lvl="1" indent="-342900">
              <a:buFont typeface="+mj-lt"/>
              <a:buAutoNum type="alphaUcPeriod"/>
            </a:pPr>
            <a:r>
              <a:rPr lang="fi-FI" sz="1400">
                <a:solidFill>
                  <a:schemeClr val="tx1"/>
                </a:solidFill>
              </a:rPr>
              <a:t>Seurata järjestelmän suositusta, vaikka se olisi ristiriidassa muun saatavilla olevan tiedon kanssa.</a:t>
            </a:r>
          </a:p>
          <a:p>
            <a:pPr marL="485775" lvl="1" indent="-342900">
              <a:buFont typeface="+mj-lt"/>
              <a:buAutoNum type="alphaUcPeriod"/>
            </a:pPr>
            <a:r>
              <a:rPr lang="fi-FI" sz="1400">
                <a:solidFill>
                  <a:schemeClr val="tx1"/>
                </a:solidFill>
              </a:rPr>
              <a:t>Antaa asiakkaan tai potilaan itse päättää, ovatko suositukset käyttökelpoisia.</a:t>
            </a:r>
          </a:p>
          <a:p>
            <a:pPr marL="142875" lvl="1" indent="0">
              <a:buNone/>
            </a:pPr>
            <a:r>
              <a:rPr lang="fi-FI" sz="1400">
                <a:solidFill>
                  <a:schemeClr val="tx1"/>
                </a:solidFill>
              </a:rPr>
              <a:t>Oikea vastaus: B.</a:t>
            </a:r>
          </a:p>
          <a:p>
            <a:pPr marL="142875" lvl="1" indent="0">
              <a:buNone/>
            </a:pPr>
            <a:r>
              <a:rPr lang="fi-FI" sz="1400">
                <a:solidFill>
                  <a:schemeClr val="tx1"/>
                </a:solidFill>
              </a:rPr>
              <a:t>Selitys: Ennen kuin noudatat tekoälyn tuottamia suosituksia päätöksenteossa, sinun on varmistettava, että suositukset ovat perusteltuja, luotettavia ja tarkoituksenmukaisia (B). Tekoälyn tulokset perustuvat dataan ja algoritmeihin, jotka voivat sisältää virheitä tai vääristymiä. Väärät vastaukset ovat A, C ja D, koska tietoja ei tule hyväksyä sellaisenaan ilman tarkistusta (A). Päätöksenteossa tulee aina huomioida saatavilla oleva olennainen tieto ja arvioida tekoälyn suosituksia kriittisesti (C). Asiakas tai potilas (D) voi täydentää tietoa omilla havainnoillaan, mutta vastuu suositusten käyttämisestä on aina järjestelmää käyttävällä ammattilaisella.</a:t>
            </a:r>
          </a:p>
          <a:p>
            <a:pPr marL="7937" indent="0">
              <a:buNone/>
            </a:pPr>
            <a:endParaRPr lang="fi-FI" sz="1200" noProof="0">
              <a:solidFill>
                <a:schemeClr val="tx1"/>
              </a:solidFill>
            </a:endParaRPr>
          </a:p>
        </p:txBody>
      </p:sp>
    </p:spTree>
    <p:extLst>
      <p:ext uri="{BB962C8B-B14F-4D97-AF65-F5344CB8AC3E}">
        <p14:creationId xmlns:p14="http://schemas.microsoft.com/office/powerpoint/2010/main" val="2562557499"/>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2CE53C-6137-E77F-2D05-F1179897586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ABDDF0F-F228-4A42-84FE-F826873F60F3}"/>
              </a:ext>
            </a:extLst>
          </p:cNvPr>
          <p:cNvSpPr>
            <a:spLocks noGrp="1"/>
          </p:cNvSpPr>
          <p:nvPr>
            <p:ph type="title"/>
          </p:nvPr>
        </p:nvSpPr>
        <p:spPr/>
        <p:txBody>
          <a:bodyPr/>
          <a:lstStyle/>
          <a:p>
            <a:r>
              <a:rPr lang="fi-FI" noProof="0"/>
              <a:t>Tarkista vastauksesi</a:t>
            </a:r>
            <a:endParaRPr lang="fi-FI"/>
          </a:p>
        </p:txBody>
      </p:sp>
      <p:sp>
        <p:nvSpPr>
          <p:cNvPr id="8" name="Text Placeholder 7">
            <a:extLst>
              <a:ext uri="{FF2B5EF4-FFF2-40B4-BE49-F238E27FC236}">
                <a16:creationId xmlns:a16="http://schemas.microsoft.com/office/drawing/2014/main" id="{3AE31377-2FC2-4D91-287C-7CD79FFD177F}"/>
              </a:ext>
            </a:extLst>
          </p:cNvPr>
          <p:cNvSpPr>
            <a:spLocks noGrp="1"/>
          </p:cNvSpPr>
          <p:nvPr>
            <p:ph type="body" sz="quarter" idx="13"/>
          </p:nvPr>
        </p:nvSpPr>
        <p:spPr/>
        <p:txBody>
          <a:bodyPr/>
          <a:lstStyle/>
          <a:p>
            <a:r>
              <a:rPr lang="fi-FI"/>
              <a:t>6. Tarkistuskysymykset ja mallivastaukset</a:t>
            </a:r>
          </a:p>
        </p:txBody>
      </p:sp>
      <p:sp>
        <p:nvSpPr>
          <p:cNvPr id="7" name="Slide Number Placeholder 6">
            <a:extLst>
              <a:ext uri="{FF2B5EF4-FFF2-40B4-BE49-F238E27FC236}">
                <a16:creationId xmlns:a16="http://schemas.microsoft.com/office/drawing/2014/main" id="{F056BC32-2BFD-3A18-196A-C223A0BA27FB}"/>
              </a:ext>
            </a:extLst>
          </p:cNvPr>
          <p:cNvSpPr>
            <a:spLocks noGrp="1"/>
          </p:cNvSpPr>
          <p:nvPr>
            <p:ph type="sldNum" sz="quarter" idx="16"/>
          </p:nvPr>
        </p:nvSpPr>
        <p:spPr>
          <a:xfrm>
            <a:off x="11496675" y="6433670"/>
            <a:ext cx="406833" cy="186860"/>
          </a:xfrm>
        </p:spPr>
        <p:txBody>
          <a:bodyPr/>
          <a:lstStyle/>
          <a:p>
            <a:fld id="{B64FCF4A-2F3F-4397-9C44-D2344643394B}" type="slidenum">
              <a:rPr lang="fi-FI" smtClean="0"/>
              <a:pPr/>
              <a:t>57</a:t>
            </a:fld>
            <a:endParaRPr lang="fi-FI"/>
          </a:p>
        </p:txBody>
      </p:sp>
      <p:sp>
        <p:nvSpPr>
          <p:cNvPr id="9" name="Content Placeholder 8">
            <a:extLst>
              <a:ext uri="{FF2B5EF4-FFF2-40B4-BE49-F238E27FC236}">
                <a16:creationId xmlns:a16="http://schemas.microsoft.com/office/drawing/2014/main" id="{B968FDC3-955F-44CF-4DB5-98F2E004299A}"/>
              </a:ext>
            </a:extLst>
          </p:cNvPr>
          <p:cNvSpPr>
            <a:spLocks noGrp="1"/>
          </p:cNvSpPr>
          <p:nvPr>
            <p:ph sz="quarter" idx="17"/>
          </p:nvPr>
        </p:nvSpPr>
        <p:spPr/>
        <p:txBody>
          <a:bodyPr/>
          <a:lstStyle/>
          <a:p>
            <a:r>
              <a:rPr lang="fi-FI"/>
              <a:t>Soveltavan tehtävän kuvauksen löydät tarkistuskysymysten yhteydestä. </a:t>
            </a:r>
          </a:p>
        </p:txBody>
      </p:sp>
      <p:sp>
        <p:nvSpPr>
          <p:cNvPr id="5" name="Content Placeholder 4">
            <a:extLst>
              <a:ext uri="{FF2B5EF4-FFF2-40B4-BE49-F238E27FC236}">
                <a16:creationId xmlns:a16="http://schemas.microsoft.com/office/drawing/2014/main" id="{5E20D55D-E502-1ED8-6C2D-3DF415D3EC25}"/>
              </a:ext>
            </a:extLst>
          </p:cNvPr>
          <p:cNvSpPr>
            <a:spLocks noGrp="1"/>
          </p:cNvSpPr>
          <p:nvPr>
            <p:ph sz="quarter" idx="10"/>
          </p:nvPr>
        </p:nvSpPr>
        <p:spPr>
          <a:xfrm>
            <a:off x="695325" y="2156636"/>
            <a:ext cx="5078942" cy="3991822"/>
          </a:xfrm>
        </p:spPr>
        <p:txBody>
          <a:bodyPr/>
          <a:lstStyle/>
          <a:p>
            <a:pPr marL="7937" indent="0">
              <a:buNone/>
            </a:pPr>
            <a:r>
              <a:rPr lang="fi-FI" sz="1400" i="1">
                <a:solidFill>
                  <a:schemeClr val="tx1"/>
                </a:solidFill>
              </a:rPr>
              <a:t>Pohdi, millaisia tietoja järjestelmä voi jättää huomioimatta priorisoinnissa. Pohdi, onko järjestelmä tarkoituksenmukainen ja millaisia vaikutuksia sen toiminnalla voi olla. </a:t>
            </a:r>
          </a:p>
          <a:p>
            <a:pPr marL="7937" indent="0">
              <a:buNone/>
            </a:pPr>
            <a:r>
              <a:rPr lang="fi-FI" sz="1600">
                <a:solidFill>
                  <a:schemeClr val="tx1"/>
                </a:solidFill>
              </a:rPr>
              <a:t>15. Miten tilanteessa tulisi toimia?</a:t>
            </a:r>
            <a:endParaRPr lang="fi-FI" sz="1400">
              <a:solidFill>
                <a:schemeClr val="tx1"/>
              </a:solidFill>
            </a:endParaRPr>
          </a:p>
          <a:p>
            <a:pPr marL="485775" lvl="1" indent="-342900">
              <a:buFont typeface="+mj-lt"/>
              <a:buAutoNum type="alphaUcPeriod"/>
            </a:pPr>
            <a:r>
              <a:rPr lang="fi-FI" sz="1400">
                <a:solidFill>
                  <a:schemeClr val="tx1"/>
                </a:solidFill>
              </a:rPr>
              <a:t>Noudatan järjestelmän ehdottamaa priorisointia, koska se on suurimmaksi osaksi oikein ja perustuu järjestelmän käytettävissä oleviin kattaviin tietoihin.</a:t>
            </a:r>
          </a:p>
          <a:p>
            <a:pPr marL="485775" lvl="1" indent="-342900">
              <a:buFont typeface="+mj-lt"/>
              <a:buAutoNum type="alphaUcPeriod"/>
            </a:pPr>
            <a:r>
              <a:rPr lang="fi-FI" sz="1400">
                <a:solidFill>
                  <a:schemeClr val="tx1"/>
                </a:solidFill>
              </a:rPr>
              <a:t>Lopetan järjestelmän käyttämisen. Järjestelmää ei tulisi käyttää priorisointiin, sillä se ei pysty ottamaan huomioon muutoksia, joita ei vielä ole kirjattu järjestelmään tai kollegoilta tullutta suoraa arviota tehtävän kiireellisyydestä.</a:t>
            </a:r>
          </a:p>
          <a:p>
            <a:pPr marL="485775" lvl="1" indent="-342900">
              <a:buFont typeface="+mj-lt"/>
              <a:buAutoNum type="alphaUcPeriod"/>
            </a:pPr>
            <a:r>
              <a:rPr lang="fi-FI" sz="1400">
                <a:solidFill>
                  <a:schemeClr val="tx1"/>
                </a:solidFill>
              </a:rPr>
              <a:t>Raportoin järjestelmän puutteista organisaation ohjeiden mukaan. Tuon esiin olennaisiksi arvioimani puuttuvat tiedot ja pyydän organisaatiolta ohjeistusta järjestelmän käyttöön.</a:t>
            </a:r>
          </a:p>
          <a:p>
            <a:pPr marL="485775" lvl="1" indent="-342900">
              <a:buFont typeface="+mj-lt"/>
              <a:buAutoNum type="alphaUcPeriod"/>
            </a:pPr>
            <a:r>
              <a:rPr lang="fi-FI" sz="1400">
                <a:solidFill>
                  <a:schemeClr val="tx1"/>
                </a:solidFill>
              </a:rPr>
              <a:t>Käytän omaa ammattitaitoani ja harkintaani tilanteen ratkaisemiseksi ja priorisoin kiireellisiksi arvioimiani tehtäviä.</a:t>
            </a:r>
            <a:endParaRPr lang="fi-FI" sz="1600" i="1">
              <a:solidFill>
                <a:schemeClr val="tx1"/>
              </a:solidFill>
            </a:endParaRPr>
          </a:p>
          <a:p>
            <a:pPr marL="7937" indent="0">
              <a:buNone/>
            </a:pPr>
            <a:endParaRPr lang="fi-FI" sz="1600">
              <a:solidFill>
                <a:schemeClr val="tx1"/>
              </a:solidFill>
            </a:endParaRPr>
          </a:p>
        </p:txBody>
      </p:sp>
      <p:sp>
        <p:nvSpPr>
          <p:cNvPr id="6" name="Content Placeholder 5">
            <a:extLst>
              <a:ext uri="{FF2B5EF4-FFF2-40B4-BE49-F238E27FC236}">
                <a16:creationId xmlns:a16="http://schemas.microsoft.com/office/drawing/2014/main" id="{E2F081E5-F0C9-47C0-AA5E-FDAF39A677D7}"/>
              </a:ext>
            </a:extLst>
          </p:cNvPr>
          <p:cNvSpPr>
            <a:spLocks noGrp="1"/>
          </p:cNvSpPr>
          <p:nvPr>
            <p:ph sz="quarter" idx="18"/>
          </p:nvPr>
        </p:nvSpPr>
        <p:spPr>
          <a:xfrm>
            <a:off x="6417733" y="2156636"/>
            <a:ext cx="5078942" cy="3991822"/>
          </a:xfrm>
        </p:spPr>
        <p:txBody>
          <a:bodyPr/>
          <a:lstStyle/>
          <a:p>
            <a:pPr marL="7937" indent="0">
              <a:buNone/>
            </a:pPr>
            <a:r>
              <a:rPr lang="fi-FI" sz="1400"/>
              <a:t>Oikea vastaus: C ja D.</a:t>
            </a:r>
          </a:p>
          <a:p>
            <a:pPr marL="7937" indent="0">
              <a:buNone/>
            </a:pPr>
            <a:r>
              <a:rPr lang="fi-FI" sz="1400"/>
              <a:t>Selitys: C on oikein, sillä raportointi on olennaista, jotta järjestelmän ja ohjeistusten voidaan puutteet voidaan korjata tai täydentää. Järjestelmän käyttö voi olla perustelua, vaikka järjestelmällä ei olisi kaikkia mahdollisia tietoja käytössään. Järjestelmän toiminnan tulee kuitenkin olla ymmärrettävää ja henkilöstöllä tulee olla riittävät ohjeistukset järjestelmän käyttöön. D on oikein, sillä käyttäjän tulee aina hyödyntää omaa ammattitaitoaan ja harkintakykyään tekoälyjärjestelmän suositusten arvioinnissa. A on virheellinen toimintatapa, koska havaitut puutteet järjestelmän toiminnassa voivat johtaa siihen, että tärkeät tehtävät jäävät hoitamatta ajoissa. Vastaus B on väärin. Järjestelmää ei tarvitse hylätä kokonaan. Järjestelmä tarjoaa hyödyllistä tukea priorisoinnissa ja eivätkä havaitut puutteet aiheuta merkittäviä riskejä ihmisille. Sen sijaan järjestelmän käyttöä on täydennettävä käyttäjän harkinnalla ja lisätiedoilla ja puutteista on raportoitava eteenpäin. </a:t>
            </a:r>
          </a:p>
        </p:txBody>
      </p:sp>
    </p:spTree>
    <p:extLst>
      <p:ext uri="{BB962C8B-B14F-4D97-AF65-F5344CB8AC3E}">
        <p14:creationId xmlns:p14="http://schemas.microsoft.com/office/powerpoint/2010/main" val="1851968140"/>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bg>
      <p:bgPr>
        <a:solidFill>
          <a:srgbClr val="D2E3E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FC0E3EF-495E-B257-2679-BFE6EF5DC043}"/>
              </a:ext>
            </a:extLst>
          </p:cNvPr>
          <p:cNvSpPr>
            <a:spLocks noGrp="1"/>
          </p:cNvSpPr>
          <p:nvPr>
            <p:ph type="title"/>
          </p:nvPr>
        </p:nvSpPr>
        <p:spPr/>
        <p:txBody>
          <a:bodyPr/>
          <a:lstStyle/>
          <a:p>
            <a:r>
              <a:rPr lang="en-US"/>
              <a:t>Kiitos!</a:t>
            </a:r>
          </a:p>
        </p:txBody>
      </p:sp>
      <p:sp>
        <p:nvSpPr>
          <p:cNvPr id="6" name="Slide Number Placeholder 5">
            <a:extLst>
              <a:ext uri="{FF2B5EF4-FFF2-40B4-BE49-F238E27FC236}">
                <a16:creationId xmlns:a16="http://schemas.microsoft.com/office/drawing/2014/main" id="{7F2FBA18-2E0E-1D44-8045-08996F499558}"/>
              </a:ext>
            </a:extLst>
          </p:cNvPr>
          <p:cNvSpPr>
            <a:spLocks noGrp="1"/>
          </p:cNvSpPr>
          <p:nvPr>
            <p:ph type="sldNum" sz="quarter" idx="15"/>
          </p:nvPr>
        </p:nvSpPr>
        <p:spPr/>
        <p:txBody>
          <a:bodyPr/>
          <a:lstStyle/>
          <a:p>
            <a:fld id="{B64FCF4A-2F3F-4397-9C44-D2344643394B}" type="slidenum">
              <a:rPr lang="fi-FI" smtClean="0"/>
              <a:pPr/>
              <a:t>58</a:t>
            </a:fld>
            <a:endParaRPr lang="fi-FI"/>
          </a:p>
        </p:txBody>
      </p:sp>
      <p:sp>
        <p:nvSpPr>
          <p:cNvPr id="5" name="Content Placeholder 4">
            <a:extLst>
              <a:ext uri="{FF2B5EF4-FFF2-40B4-BE49-F238E27FC236}">
                <a16:creationId xmlns:a16="http://schemas.microsoft.com/office/drawing/2014/main" id="{AA58F20C-E6BF-8780-546B-64DAC17D1C60}"/>
              </a:ext>
            </a:extLst>
          </p:cNvPr>
          <p:cNvSpPr>
            <a:spLocks noGrp="1"/>
          </p:cNvSpPr>
          <p:nvPr>
            <p:ph sz="quarter" idx="10"/>
          </p:nvPr>
        </p:nvSpPr>
        <p:spPr/>
        <p:txBody>
          <a:bodyPr/>
          <a:lstStyle/>
          <a:p>
            <a:pPr marL="7937" indent="0">
              <a:buNone/>
            </a:pPr>
            <a:r>
              <a:rPr lang="fi-FI"/>
              <a:t>Kiitos, että olet lukenut tämän tekoälyn lukutaito-oppaan. Arvostamme aikaa ja vaivannäköäsi, jonka olet käyttänyt tekoälyn lukutaitosi kehittämiseen. Toivomme, että sait oppaasta hyödyllistä tietoa ja inspiraatiota.
Tekoälyn hyödyntäminen sosiaali-, terveys- ja pelastustoimialoilla avaa uusia mahdollisuuksia ja tekoälyn lukutaidon kehittäminen on keskeinen askel kohti näiden mahdollisuuksien täysipainoista hyödyntämistä. Kannustamme sinua jatkamaan aiheeseen syventymistä ja käytännön kokemuksen kerryttämistä.</a:t>
            </a:r>
          </a:p>
          <a:p>
            <a:pPr marL="7937" indent="0">
              <a:buNone/>
            </a:pPr>
            <a:endParaRPr lang="fi-FI"/>
          </a:p>
          <a:p>
            <a:pPr marL="7937" indent="0">
              <a:buNone/>
            </a:pPr>
            <a:endParaRPr lang="fi-FI"/>
          </a:p>
        </p:txBody>
      </p:sp>
      <p:sp>
        <p:nvSpPr>
          <p:cNvPr id="7" name="Picture Placeholder 6">
            <a:extLst>
              <a:ext uri="{FF2B5EF4-FFF2-40B4-BE49-F238E27FC236}">
                <a16:creationId xmlns:a16="http://schemas.microsoft.com/office/drawing/2014/main" id="{3980E8A7-3660-3205-4EE2-3FF1E2B1CF7E}"/>
              </a:ext>
            </a:extLst>
          </p:cNvPr>
          <p:cNvSpPr>
            <a:spLocks noGrp="1"/>
          </p:cNvSpPr>
          <p:nvPr>
            <p:ph type="pic" sz="quarter" idx="17"/>
          </p:nvPr>
        </p:nvSpPr>
        <p:spPr>
          <a:xfrm>
            <a:off x="8191439" y="2276211"/>
            <a:ext cx="3612634" cy="3293340"/>
          </a:xfrm>
          <a:solidFill>
            <a:schemeClr val="bg1"/>
          </a:solidFill>
        </p:spPr>
        <p:txBody>
          <a:bodyPr/>
          <a:lstStyle/>
          <a:p>
            <a:r>
              <a:rPr lang="fi-FI" sz="1600" dirty="0"/>
              <a:t>Kysymyksien ja jatkokehitystarpeiden osalta ole yhteydessä!
</a:t>
            </a:r>
            <a:r>
              <a:rPr lang="fi-FI" sz="1600" b="1" dirty="0"/>
              <a:t>Tomi Haapanen</a:t>
            </a:r>
          </a:p>
          <a:p>
            <a:pPr marL="0">
              <a:spcBef>
                <a:spcPts val="400"/>
              </a:spcBef>
            </a:pPr>
            <a:r>
              <a:rPr lang="fi-FI" sz="1400" noProof="0" dirty="0" err="1"/>
              <a:t>Account</a:t>
            </a:r>
            <a:r>
              <a:rPr lang="fi-FI" sz="1400" noProof="0" dirty="0"/>
              <a:t> </a:t>
            </a:r>
            <a:r>
              <a:rPr lang="fi-FI" sz="1400" noProof="0" dirty="0" err="1"/>
              <a:t>Executive</a:t>
            </a:r>
            <a:r>
              <a:rPr lang="fi-FI" sz="1400" noProof="0" dirty="0"/>
              <a:t>​</a:t>
            </a:r>
            <a:br>
              <a:rPr lang="fi-FI" sz="1400" noProof="0" dirty="0"/>
            </a:br>
            <a:r>
              <a:rPr lang="fi-FI" sz="1400" noProof="0" dirty="0" err="1"/>
              <a:t>tomi.haapanen@gofore.com</a:t>
            </a:r>
            <a:br>
              <a:rPr lang="fi-FI" sz="1400" noProof="0" dirty="0"/>
            </a:br>
            <a:r>
              <a:rPr lang="fi-FI" sz="1400" dirty="0"/>
              <a:t>+358440233306</a:t>
            </a:r>
          </a:p>
          <a:p>
            <a:pPr marL="0">
              <a:spcBef>
                <a:spcPts val="400"/>
              </a:spcBef>
            </a:pPr>
            <a:r>
              <a:rPr lang="fi-FI" sz="1400" dirty="0" err="1"/>
              <a:t>https</a:t>
            </a:r>
            <a:r>
              <a:rPr lang="fi-FI" sz="1400" noProof="0" dirty="0"/>
              <a:t>://</a:t>
            </a:r>
            <a:r>
              <a:rPr lang="fi-FI" sz="1400" noProof="0" dirty="0" err="1"/>
              <a:t>gofore.com</a:t>
            </a:r>
            <a:r>
              <a:rPr lang="fi-FI" sz="1400" noProof="0" dirty="0"/>
              <a:t>/</a:t>
            </a:r>
            <a:endParaRPr lang="en-US" sz="1200" dirty="0"/>
          </a:p>
        </p:txBody>
      </p:sp>
    </p:spTree>
    <p:extLst>
      <p:ext uri="{BB962C8B-B14F-4D97-AF65-F5344CB8AC3E}">
        <p14:creationId xmlns:p14="http://schemas.microsoft.com/office/powerpoint/2010/main" val="2797608092"/>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290018-B3B2-0D31-2D0F-7E1E42EDF60C}"/>
              </a:ext>
            </a:extLst>
          </p:cNvPr>
          <p:cNvSpPr>
            <a:spLocks noGrp="1"/>
          </p:cNvSpPr>
          <p:nvPr>
            <p:ph type="title"/>
          </p:nvPr>
        </p:nvSpPr>
        <p:spPr/>
        <p:txBody>
          <a:bodyPr/>
          <a:lstStyle/>
          <a:p>
            <a:r>
              <a:rPr lang="fi-FI"/>
              <a:t>Lisämateriaaleja</a:t>
            </a:r>
            <a:endParaRPr lang="en-US"/>
          </a:p>
        </p:txBody>
      </p:sp>
      <p:graphicFrame>
        <p:nvGraphicFramePr>
          <p:cNvPr id="7" name="Content Placeholder 6">
            <a:extLst>
              <a:ext uri="{FF2B5EF4-FFF2-40B4-BE49-F238E27FC236}">
                <a16:creationId xmlns:a16="http://schemas.microsoft.com/office/drawing/2014/main" id="{D21BBF01-70A2-A59D-9484-728F10F76889}"/>
              </a:ext>
            </a:extLst>
          </p:cNvPr>
          <p:cNvGraphicFramePr>
            <a:graphicFrameLocks noGrp="1"/>
          </p:cNvGraphicFramePr>
          <p:nvPr>
            <p:ph sz="quarter" idx="10"/>
            <p:extLst>
              <p:ext uri="{D42A27DB-BD31-4B8C-83A1-F6EECF244321}">
                <p14:modId xmlns:p14="http://schemas.microsoft.com/office/powerpoint/2010/main" val="1395792999"/>
              </p:ext>
            </p:extLst>
          </p:nvPr>
        </p:nvGraphicFramePr>
        <p:xfrm>
          <a:off x="4295775" y="2349317"/>
          <a:ext cx="7210256" cy="3687909"/>
        </p:xfrm>
        <a:graphic>
          <a:graphicData uri="http://schemas.openxmlformats.org/drawingml/2006/table">
            <a:tbl>
              <a:tblPr firstRow="1" bandRow="1">
                <a:tableStyleId>{7E9639D4-E3E2-4D34-9284-5A2195B3D0D7}</a:tableStyleId>
              </a:tblPr>
              <a:tblGrid>
                <a:gridCol w="3135080">
                  <a:extLst>
                    <a:ext uri="{9D8B030D-6E8A-4147-A177-3AD203B41FA5}">
                      <a16:colId xmlns:a16="http://schemas.microsoft.com/office/drawing/2014/main" val="3227588482"/>
                    </a:ext>
                  </a:extLst>
                </a:gridCol>
                <a:gridCol w="4075176">
                  <a:extLst>
                    <a:ext uri="{9D8B030D-6E8A-4147-A177-3AD203B41FA5}">
                      <a16:colId xmlns:a16="http://schemas.microsoft.com/office/drawing/2014/main" val="4231262644"/>
                    </a:ext>
                  </a:extLst>
                </a:gridCol>
              </a:tblGrid>
              <a:tr h="354694">
                <a:tc>
                  <a:txBody>
                    <a:bodyPr/>
                    <a:lstStyle/>
                    <a:p>
                      <a:r>
                        <a:rPr lang="fi-FI" sz="1400" noProof="0">
                          <a:solidFill>
                            <a:schemeClr val="tx1"/>
                          </a:solidFill>
                        </a:rPr>
                        <a:t>Materiaali</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rgbClr val="92B1B8"/>
                      </a:solidFill>
                      <a:prstDash val="solid"/>
                      <a:round/>
                      <a:headEnd type="none" w="med" len="med"/>
                      <a:tailEnd type="none" w="med" len="med"/>
                    </a:lnB>
                    <a:solidFill>
                      <a:srgbClr val="F0F5F5"/>
                    </a:solidFill>
                  </a:tcPr>
                </a:tc>
                <a:tc>
                  <a:txBody>
                    <a:bodyPr/>
                    <a:lstStyle/>
                    <a:p>
                      <a:r>
                        <a:rPr lang="fi-FI" sz="1400" noProof="0">
                          <a:solidFill>
                            <a:schemeClr val="tx1"/>
                          </a:solidFill>
                        </a:rPr>
                        <a:t>Linkki</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rgbClr val="92B1B8"/>
                      </a:solidFill>
                      <a:prstDash val="solid"/>
                      <a:round/>
                      <a:headEnd type="none" w="med" len="med"/>
                      <a:tailEnd type="none" w="med" len="med"/>
                    </a:lnB>
                    <a:solidFill>
                      <a:srgbClr val="F0F5F5"/>
                    </a:solidFill>
                  </a:tcPr>
                </a:tc>
                <a:extLst>
                  <a:ext uri="{0D108BD9-81ED-4DB2-BD59-A6C34878D82A}">
                    <a16:rowId xmlns:a16="http://schemas.microsoft.com/office/drawing/2014/main" val="3442856601"/>
                  </a:ext>
                </a:extLst>
              </a:tr>
              <a:tr h="563889">
                <a:tc>
                  <a:txBody>
                    <a:bodyPr/>
                    <a:lstStyle/>
                    <a:p>
                      <a:r>
                        <a:rPr lang="fi-FI" sz="1400"/>
                        <a:t>Tekoälyn etiikka –kurssi</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400">
                          <a:hlinkClick r:id="rId3"/>
                        </a:rPr>
                        <a:t>https://ethics-of-ai.mooc.fi/fi/</a:t>
                      </a:r>
                      <a:endParaRPr lang="fi-FI"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9210136"/>
                  </a:ext>
                </a:extLst>
              </a:tr>
              <a:tr h="563889">
                <a:tc>
                  <a:txBody>
                    <a:bodyPr/>
                    <a:lstStyle/>
                    <a:p>
                      <a:r>
                        <a:rPr lang="fi-FI" sz="1400" err="1"/>
                        <a:t>Elements</a:t>
                      </a:r>
                      <a:r>
                        <a:rPr lang="fi-FI" sz="1400"/>
                        <a:t> of AI (Tekoälyn perusteet) –kurssi </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400">
                          <a:hlinkClick r:id="rId4"/>
                        </a:rPr>
                        <a:t>https://www.elementsofai.com/fi/</a:t>
                      </a:r>
                      <a:endParaRPr lang="fi-FI"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3597900003"/>
                  </a:ext>
                </a:extLst>
              </a:tr>
              <a:tr h="910028">
                <a:tc>
                  <a:txBody>
                    <a:bodyPr/>
                    <a:lstStyle/>
                    <a:p>
                      <a:r>
                        <a:rPr lang="fi-FI" sz="1400" spc="-30" noProof="0">
                          <a:solidFill>
                            <a:schemeClr val="tx1"/>
                          </a:solidFill>
                        </a:rPr>
                        <a:t>EU:n tekoälyä käsittelevä korkean tason asiantuntijaryhmän listaamat eettisen tekoälyn käytön periaatteet</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400" spc="-30" noProof="0">
                          <a:solidFill>
                            <a:schemeClr val="tx1"/>
                          </a:solidFill>
                          <a:hlinkClick r:id="rId5"/>
                        </a:rPr>
                        <a:t>https://www.europarl.europa.eu/meetdocs/2014_2019/plmrep/COMMITTEES/JURI/DV/2019/11-06/Ethics-guidelines-AI_FI.pdf</a:t>
                      </a:r>
                      <a:endParaRPr lang="fi-FI" sz="1400" spc="-30" noProof="0">
                        <a:solidFill>
                          <a:schemeClr val="tx1"/>
                        </a:solidFil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702060391"/>
                  </a:ext>
                </a:extLst>
              </a:tr>
              <a:tr h="723394">
                <a:tc>
                  <a:txBody>
                    <a:bodyPr/>
                    <a:lstStyle/>
                    <a:p>
                      <a:r>
                        <a:rPr lang="fi-FI" sz="1400"/>
                        <a:t>Mitä tekoäly on ja mihin sitä käytetään? Euroopan Parlamentin artikkeli</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r>
                        <a:rPr lang="fi-FI" sz="1400">
                          <a:hlinkClick r:id="rId6"/>
                        </a:rPr>
                        <a:t>https://www.europarl.europa.eu/pdfs/news/expert/2020/9/story/20200827STO85804/20200827STO85804_fi.pdf</a:t>
                      </a:r>
                      <a:r>
                        <a:rPr lang="fi-FI" sz="1400"/>
                        <a:t> </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2741887137"/>
                  </a:ext>
                </a:extLst>
              </a:tr>
              <a:tr h="563889">
                <a:tc>
                  <a:txBody>
                    <a:bodyPr/>
                    <a:lstStyle/>
                    <a:p>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noFill/>
                      <a:prstDash val="solid"/>
                      <a:round/>
                      <a:headEnd type="none" w="med" len="med"/>
                      <a:tailEnd type="none" w="med" len="med"/>
                    </a:lnB>
                  </a:tcPr>
                </a:tc>
                <a:tc>
                  <a:txBody>
                    <a:bodyPr/>
                    <a:lstStyle/>
                    <a:p>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noFill/>
                      <a:prstDash val="solid"/>
                      <a:round/>
                      <a:headEnd type="none" w="med" len="med"/>
                      <a:tailEnd type="none" w="med" len="med"/>
                    </a:lnB>
                  </a:tcPr>
                </a:tc>
                <a:extLst>
                  <a:ext uri="{0D108BD9-81ED-4DB2-BD59-A6C34878D82A}">
                    <a16:rowId xmlns:a16="http://schemas.microsoft.com/office/drawing/2014/main" val="2212533065"/>
                  </a:ext>
                </a:extLst>
              </a:tr>
            </a:tbl>
          </a:graphicData>
        </a:graphic>
      </p:graphicFrame>
      <p:sp>
        <p:nvSpPr>
          <p:cNvPr id="4" name="Slide Number Placeholder 3">
            <a:extLst>
              <a:ext uri="{FF2B5EF4-FFF2-40B4-BE49-F238E27FC236}">
                <a16:creationId xmlns:a16="http://schemas.microsoft.com/office/drawing/2014/main" id="{832D93C9-2FA9-8571-799E-1BEE4D5BD8A0}"/>
              </a:ext>
            </a:extLst>
          </p:cNvPr>
          <p:cNvSpPr>
            <a:spLocks noGrp="1"/>
          </p:cNvSpPr>
          <p:nvPr>
            <p:ph type="sldNum" sz="quarter" idx="16"/>
          </p:nvPr>
        </p:nvSpPr>
        <p:spPr/>
        <p:txBody>
          <a:bodyPr/>
          <a:lstStyle/>
          <a:p>
            <a:fld id="{B64FCF4A-2F3F-4397-9C44-D2344643394B}" type="slidenum">
              <a:rPr lang="fi-FI" smtClean="0"/>
              <a:pPr/>
              <a:t>59</a:t>
            </a:fld>
            <a:endParaRPr lang="fi-FI"/>
          </a:p>
        </p:txBody>
      </p:sp>
      <p:sp>
        <p:nvSpPr>
          <p:cNvPr id="5" name="Text Placeholder 4">
            <a:extLst>
              <a:ext uri="{FF2B5EF4-FFF2-40B4-BE49-F238E27FC236}">
                <a16:creationId xmlns:a16="http://schemas.microsoft.com/office/drawing/2014/main" id="{244DB37E-3960-2E34-E35E-75A4043547E4}"/>
              </a:ext>
            </a:extLst>
          </p:cNvPr>
          <p:cNvSpPr>
            <a:spLocks noGrp="1"/>
          </p:cNvSpPr>
          <p:nvPr>
            <p:ph type="body" sz="quarter" idx="19"/>
          </p:nvPr>
        </p:nvSpPr>
        <p:spPr/>
        <p:txBody>
          <a:bodyPr/>
          <a:lstStyle/>
          <a:p>
            <a:endParaRPr lang="en-US"/>
          </a:p>
        </p:txBody>
      </p:sp>
      <p:sp>
        <p:nvSpPr>
          <p:cNvPr id="6" name="Text Placeholder 5">
            <a:extLst>
              <a:ext uri="{FF2B5EF4-FFF2-40B4-BE49-F238E27FC236}">
                <a16:creationId xmlns:a16="http://schemas.microsoft.com/office/drawing/2014/main" id="{00E13BED-9E33-521C-6DFF-23D64FC14B66}"/>
              </a:ext>
            </a:extLst>
          </p:cNvPr>
          <p:cNvSpPr>
            <a:spLocks noGrp="1"/>
          </p:cNvSpPr>
          <p:nvPr>
            <p:ph type="body" sz="quarter" idx="21"/>
          </p:nvPr>
        </p:nvSpPr>
        <p:spPr/>
        <p:txBody>
          <a:bodyPr/>
          <a:lstStyle/>
          <a:p>
            <a:r>
              <a:rPr lang="fi-FI"/>
              <a:t>Mikäli haluat tutustua aiheeseen itsenäisesti syvällisemmin, voit aloittaa seuraavista materiaaleista.</a:t>
            </a:r>
          </a:p>
        </p:txBody>
      </p:sp>
    </p:spTree>
    <p:extLst>
      <p:ext uri="{BB962C8B-B14F-4D97-AF65-F5344CB8AC3E}">
        <p14:creationId xmlns:p14="http://schemas.microsoft.com/office/powerpoint/2010/main" val="5429885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932C95-A951-EB34-5845-9AB2C4AB65F2}"/>
              </a:ext>
            </a:extLst>
          </p:cNvPr>
          <p:cNvSpPr>
            <a:spLocks noGrp="1"/>
          </p:cNvSpPr>
          <p:nvPr>
            <p:ph type="title"/>
          </p:nvPr>
        </p:nvSpPr>
        <p:spPr/>
        <p:txBody>
          <a:bodyPr/>
          <a:lstStyle/>
          <a:p>
            <a:r>
              <a:rPr lang="fi-FI"/>
              <a:t>Miksi tekoälyn lukutaito on tärkeää?</a:t>
            </a:r>
          </a:p>
        </p:txBody>
      </p:sp>
      <p:sp>
        <p:nvSpPr>
          <p:cNvPr id="3" name="Text Placeholder 2">
            <a:extLst>
              <a:ext uri="{FF2B5EF4-FFF2-40B4-BE49-F238E27FC236}">
                <a16:creationId xmlns:a16="http://schemas.microsoft.com/office/drawing/2014/main" id="{8FB6721B-01F7-2F85-24E7-087A4B9F1C4D}"/>
              </a:ext>
            </a:extLst>
          </p:cNvPr>
          <p:cNvSpPr>
            <a:spLocks noGrp="1"/>
          </p:cNvSpPr>
          <p:nvPr>
            <p:ph type="body" sz="quarter" idx="13"/>
          </p:nvPr>
        </p:nvSpPr>
        <p:spPr/>
        <p:txBody>
          <a:bodyPr/>
          <a:lstStyle/>
          <a:p>
            <a:r>
              <a:rPr lang="fi-FI"/>
              <a:t>1. Johdanto</a:t>
            </a:r>
          </a:p>
        </p:txBody>
      </p:sp>
      <p:sp>
        <p:nvSpPr>
          <p:cNvPr id="4" name="Slide Number Placeholder 3">
            <a:extLst>
              <a:ext uri="{FF2B5EF4-FFF2-40B4-BE49-F238E27FC236}">
                <a16:creationId xmlns:a16="http://schemas.microsoft.com/office/drawing/2014/main" id="{2A105E34-D63D-82F2-6945-280F1FC61191}"/>
              </a:ext>
            </a:extLst>
          </p:cNvPr>
          <p:cNvSpPr>
            <a:spLocks noGrp="1"/>
          </p:cNvSpPr>
          <p:nvPr>
            <p:ph type="sldNum" sz="quarter" idx="15"/>
          </p:nvPr>
        </p:nvSpPr>
        <p:spPr/>
        <p:txBody>
          <a:bodyPr/>
          <a:lstStyle/>
          <a:p>
            <a:fld id="{B64FCF4A-2F3F-4397-9C44-D2344643394B}" type="slidenum">
              <a:rPr lang="fi-FI" smtClean="0"/>
              <a:pPr/>
              <a:t>6</a:t>
            </a:fld>
            <a:endParaRPr lang="fi-FI"/>
          </a:p>
        </p:txBody>
      </p:sp>
      <p:sp>
        <p:nvSpPr>
          <p:cNvPr id="6" name="Content Placeholder 5">
            <a:extLst>
              <a:ext uri="{FF2B5EF4-FFF2-40B4-BE49-F238E27FC236}">
                <a16:creationId xmlns:a16="http://schemas.microsoft.com/office/drawing/2014/main" id="{8D9733F5-C33C-204A-06A1-7F9310E5840A}"/>
              </a:ext>
            </a:extLst>
          </p:cNvPr>
          <p:cNvSpPr>
            <a:spLocks noGrp="1"/>
          </p:cNvSpPr>
          <p:nvPr>
            <p:ph sz="quarter" idx="10"/>
          </p:nvPr>
        </p:nvSpPr>
        <p:spPr>
          <a:xfrm>
            <a:off x="695325" y="2276211"/>
            <a:ext cx="10801350" cy="3991822"/>
          </a:xfrm>
        </p:spPr>
        <p:txBody>
          <a:bodyPr/>
          <a:lstStyle/>
          <a:p>
            <a:pPr marL="7937" indent="0">
              <a:buNone/>
            </a:pPr>
            <a:r>
              <a:rPr lang="fi-FI" sz="1600"/>
              <a:t>Tekoäly on kehittynyt merkittävästi viime vuosina ja tekoälyn käyttö yleistyy vauhdilla hyvinvointialueilla. Jatkuva kehitys avaa uusia mahdollisuuksia parantaa palveluiden laatua, tehokkuutta ja saavutettavuutta, mutta tekoälyn hyödyntäminen vaatii myös sen käyttäjiltä riittävää ymmärrystä ja osaamista. </a:t>
            </a:r>
          </a:p>
          <a:p>
            <a:pPr marL="7937" indent="0">
              <a:buNone/>
            </a:pPr>
            <a:r>
              <a:rPr lang="fi-FI" sz="1600" b="1"/>
              <a:t>Tekoälyn lukutaito </a:t>
            </a:r>
            <a:r>
              <a:rPr lang="fi-FI" sz="1600"/>
              <a:t>tarkoittaa tekoälyn toimintaperiaatteiden ja rajoitusten ymmärtämistä, kykyä arvioida tekoälyn tuottamaa tietoa sekä valmiutta käyttää tekoälyjärjestelmiä vastuullisesti ja tarkoituksenmukaisesti. EU:n tekoälysäädös velvoittaa organisaatiot varmistamaan, että henkilöstöllä on riittävä ymmärrys tekoälyjärjestelmistä, joita he käyttävät työssään. </a:t>
            </a:r>
          </a:p>
          <a:p>
            <a:pPr marL="7937" indent="0">
              <a:buNone/>
            </a:pPr>
            <a:r>
              <a:rPr lang="fi-FI" sz="1600"/>
              <a:t>Tämä opas on suunniteltu tukemaan hyvinvointialueiden työntekijöitä tekoälyn lukutaidon kehittämisessä. Opas auttaa ymmärtämään tekoälyn toimintaa ja käyttökohteita. Lisäksi oppaassa käsitellään tekoälyn käyttöön liittyviä eettisiä kysymyksiä ja sääntelyn asettamia velvoitteita. Tavoitteena on tarjota lukijalle valmiudet ymmärtää paitsi tekoälyn tarjoamat mahdollisuudet, myös sen rajoitukset ja oma vastuunsa tekoälyn käytössä. </a:t>
            </a:r>
          </a:p>
          <a:p>
            <a:pPr marL="7937" indent="0">
              <a:buNone/>
            </a:pPr>
            <a:r>
              <a:rPr lang="fi-FI" sz="1600"/>
              <a:t>Tekoälyn lukutaito on keskeinen taito hyvinvointialueiden ammattilaisille jo nyt ja sen merkitys kasvaa yhä tulevaisuudessa. Tämän oppaan avulla voit ottaa ensimmäiset askeleet tekoälyyn tutustumiseen. </a:t>
            </a:r>
          </a:p>
        </p:txBody>
      </p:sp>
    </p:spTree>
    <p:extLst>
      <p:ext uri="{BB962C8B-B14F-4D97-AF65-F5344CB8AC3E}">
        <p14:creationId xmlns:p14="http://schemas.microsoft.com/office/powerpoint/2010/main" val="4214809308"/>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73C283D5-CD0A-0861-9929-BD3FE66583F0}"/>
              </a:ext>
            </a:extLst>
          </p:cNvPr>
          <p:cNvSpPr>
            <a:spLocks noGrp="1"/>
          </p:cNvSpPr>
          <p:nvPr>
            <p:ph type="body" sz="quarter" idx="10"/>
          </p:nvPr>
        </p:nvSpPr>
        <p:spPr/>
        <p:txBody>
          <a:bodyPr/>
          <a:lstStyle/>
          <a:p>
            <a:r>
              <a:rPr lang="fi-FI" b="1" dirty="0"/>
              <a:t>Tomi Haapanen</a:t>
            </a:r>
          </a:p>
          <a:p>
            <a:endParaRPr lang="fi-FI" dirty="0"/>
          </a:p>
        </p:txBody>
      </p:sp>
      <p:sp>
        <p:nvSpPr>
          <p:cNvPr id="6" name="Text Placeholder 5">
            <a:extLst>
              <a:ext uri="{FF2B5EF4-FFF2-40B4-BE49-F238E27FC236}">
                <a16:creationId xmlns:a16="http://schemas.microsoft.com/office/drawing/2014/main" id="{B0FADFBC-7866-4078-E222-CF7AB8159B60}"/>
              </a:ext>
            </a:extLst>
          </p:cNvPr>
          <p:cNvSpPr>
            <a:spLocks noGrp="1"/>
          </p:cNvSpPr>
          <p:nvPr>
            <p:ph type="body" sz="quarter" idx="11"/>
          </p:nvPr>
        </p:nvSpPr>
        <p:spPr/>
        <p:txBody>
          <a:bodyPr/>
          <a:lstStyle/>
          <a:p>
            <a:pPr>
              <a:spcBef>
                <a:spcPts val="400"/>
              </a:spcBef>
            </a:pPr>
            <a:r>
              <a:rPr lang="fi-FI" dirty="0" err="1"/>
              <a:t>Account</a:t>
            </a:r>
            <a:r>
              <a:rPr lang="fi-FI" dirty="0"/>
              <a:t> </a:t>
            </a:r>
            <a:r>
              <a:rPr lang="fi-FI" dirty="0" err="1"/>
              <a:t>Executive</a:t>
            </a:r>
            <a:r>
              <a:rPr lang="fi-FI" dirty="0"/>
              <a:t>​</a:t>
            </a:r>
            <a:br>
              <a:rPr lang="fi-FI" dirty="0"/>
            </a:br>
            <a:r>
              <a:rPr lang="fi-FI" dirty="0" err="1"/>
              <a:t>tomi.haapanen@gofore.com</a:t>
            </a:r>
            <a:br>
              <a:rPr lang="fi-FI" dirty="0"/>
            </a:br>
            <a:r>
              <a:rPr lang="fi-FI" dirty="0"/>
              <a:t>+358440233306</a:t>
            </a:r>
          </a:p>
          <a:p>
            <a:pPr marL="0" indent="0">
              <a:spcBef>
                <a:spcPts val="400"/>
              </a:spcBef>
              <a:buNone/>
            </a:pPr>
            <a:r>
              <a:rPr lang="fi-FI" sz="1000" noProof="0" dirty="0" err="1"/>
              <a:t>https</a:t>
            </a:r>
            <a:r>
              <a:rPr lang="fi-FI" sz="1000" noProof="0" dirty="0"/>
              <a:t>://</a:t>
            </a:r>
            <a:r>
              <a:rPr lang="fi-FI" sz="1000" noProof="0" dirty="0" err="1"/>
              <a:t>gofore.com</a:t>
            </a:r>
            <a:r>
              <a:rPr lang="fi-FI" sz="1000" noProof="0" dirty="0"/>
              <a:t>/</a:t>
            </a:r>
            <a:endParaRPr lang="fi-FI" dirty="0"/>
          </a:p>
        </p:txBody>
      </p:sp>
    </p:spTree>
    <p:custDataLst>
      <p:custData r:id="rId1"/>
      <p:custData r:id="rId2"/>
    </p:custDataLst>
    <p:extLst>
      <p:ext uri="{BB962C8B-B14F-4D97-AF65-F5344CB8AC3E}">
        <p14:creationId xmlns:p14="http://schemas.microsoft.com/office/powerpoint/2010/main" val="4210240778"/>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4517C0-E46A-298B-4FD4-73AF45225776}"/>
              </a:ext>
            </a:extLst>
          </p:cNvPr>
          <p:cNvSpPr>
            <a:spLocks noGrp="1"/>
          </p:cNvSpPr>
          <p:nvPr>
            <p:ph type="title"/>
          </p:nvPr>
        </p:nvSpPr>
        <p:spPr/>
        <p:txBody>
          <a:bodyPr/>
          <a:lstStyle/>
          <a:p>
            <a:r>
              <a:rPr lang="fi-FI"/>
              <a:t>Varmista saavutettavuus</a:t>
            </a:r>
          </a:p>
        </p:txBody>
      </p:sp>
      <p:sp>
        <p:nvSpPr>
          <p:cNvPr id="3" name="Text Placeholder 2">
            <a:extLst>
              <a:ext uri="{FF2B5EF4-FFF2-40B4-BE49-F238E27FC236}">
                <a16:creationId xmlns:a16="http://schemas.microsoft.com/office/drawing/2014/main" id="{242777DB-438A-22C0-389C-1BEDC541344F}"/>
              </a:ext>
            </a:extLst>
          </p:cNvPr>
          <p:cNvSpPr>
            <a:spLocks noGrp="1"/>
          </p:cNvSpPr>
          <p:nvPr>
            <p:ph type="body" sz="quarter" idx="13"/>
          </p:nvPr>
        </p:nvSpPr>
        <p:spPr/>
        <p:txBody>
          <a:bodyPr/>
          <a:lstStyle/>
          <a:p>
            <a:r>
              <a:rPr lang="fi-FI"/>
              <a:t>muokkausohjeet</a:t>
            </a:r>
          </a:p>
        </p:txBody>
      </p:sp>
      <p:sp>
        <p:nvSpPr>
          <p:cNvPr id="10" name="Content Placeholder 9">
            <a:extLst>
              <a:ext uri="{FF2B5EF4-FFF2-40B4-BE49-F238E27FC236}">
                <a16:creationId xmlns:a16="http://schemas.microsoft.com/office/drawing/2014/main" id="{5C86AFDC-2322-9B1E-F8F2-A2B4253DD83B}"/>
              </a:ext>
            </a:extLst>
          </p:cNvPr>
          <p:cNvSpPr>
            <a:spLocks noGrp="1"/>
          </p:cNvSpPr>
          <p:nvPr>
            <p:ph sz="quarter" idx="10"/>
          </p:nvPr>
        </p:nvSpPr>
        <p:spPr>
          <a:xfrm>
            <a:off x="695326" y="2008925"/>
            <a:ext cx="8331942" cy="3991822"/>
          </a:xfrm>
        </p:spPr>
        <p:txBody>
          <a:bodyPr/>
          <a:lstStyle/>
          <a:p>
            <a:r>
              <a:rPr lang="fi-FI"/>
              <a:t>Käytä valmiita diapohjia. Kirjoita kullekin dialle sen sisältöä kuvaava otsikko sille varattuun tekstilaatikkoon.</a:t>
            </a:r>
          </a:p>
          <a:p>
            <a:r>
              <a:rPr lang="fi-FI"/>
              <a:t>Kirjoita jokaiselle kuvalle tekstivastine. Jos kuva on kuvituskuva eikä sillä viestitä mitään informaatiota, kuvan voi merkitä koristeelliseksi (Mark as </a:t>
            </a:r>
            <a:r>
              <a:rPr lang="fi-FI" err="1"/>
              <a:t>Decorative</a:t>
            </a:r>
            <a:r>
              <a:rPr lang="fi-FI"/>
              <a:t>). </a:t>
            </a:r>
          </a:p>
          <a:p>
            <a:r>
              <a:rPr lang="fi-FI"/>
              <a:t>Käytä sellaisia väriyhdistelmiä, jotka erottuvat riittävän hyvin, eli niillä on riittävä värikontrasti.</a:t>
            </a:r>
          </a:p>
          <a:p>
            <a:r>
              <a:rPr lang="fi-FI"/>
              <a:t>Tarkista lisäämiesi diojen saavutettavuus käyttämällä PowerPointin helppokäyttöisyyden tarkistustyökalua (</a:t>
            </a:r>
            <a:r>
              <a:rPr lang="fi-FI" err="1"/>
              <a:t>Review</a:t>
            </a:r>
            <a:r>
              <a:rPr lang="fi-FI"/>
              <a:t> </a:t>
            </a:r>
            <a:r>
              <a:rPr lang="fi-FI">
                <a:sym typeface="Wingdings" panose="05000000000000000000" pitchFamily="2" charset="2"/>
              </a:rPr>
              <a:t> </a:t>
            </a:r>
            <a:r>
              <a:rPr lang="fi-FI" err="1">
                <a:sym typeface="Wingdings" panose="05000000000000000000" pitchFamily="2" charset="2"/>
              </a:rPr>
              <a:t>Check</a:t>
            </a:r>
            <a:r>
              <a:rPr lang="fi-FI">
                <a:sym typeface="Wingdings" panose="05000000000000000000" pitchFamily="2" charset="2"/>
              </a:rPr>
              <a:t> </a:t>
            </a:r>
            <a:r>
              <a:rPr lang="fi-FI"/>
              <a:t>Accessibility). Korjaa tarvittaessa työkalun havaitsemat puutteet.</a:t>
            </a:r>
          </a:p>
          <a:p>
            <a:r>
              <a:rPr lang="fi-FI"/>
              <a:t>Kun luot PowerPoint-tiedostosta PDF-tiedoston, tee se Vie- (</a:t>
            </a:r>
            <a:r>
              <a:rPr lang="fi-FI" err="1"/>
              <a:t>Export</a:t>
            </a:r>
            <a:r>
              <a:rPr lang="fi-FI"/>
              <a:t>) tai Tallenna nimellä (</a:t>
            </a:r>
            <a:r>
              <a:rPr lang="fi-FI" err="1"/>
              <a:t>Save</a:t>
            </a:r>
            <a:r>
              <a:rPr lang="fi-FI"/>
              <a:t> A Copy) –toiminnon avulla. Älä käytä Tulosta (</a:t>
            </a:r>
            <a:r>
              <a:rPr lang="fi-FI" err="1"/>
              <a:t>Print</a:t>
            </a:r>
            <a:r>
              <a:rPr lang="fi-FI"/>
              <a:t>) -toimintoa.</a:t>
            </a:r>
          </a:p>
        </p:txBody>
      </p:sp>
      <p:sp>
        <p:nvSpPr>
          <p:cNvPr id="8" name="Slide Number Placeholder 7">
            <a:extLst>
              <a:ext uri="{FF2B5EF4-FFF2-40B4-BE49-F238E27FC236}">
                <a16:creationId xmlns:a16="http://schemas.microsoft.com/office/drawing/2014/main" id="{1AE99589-23CB-B595-7F93-08753B5034CC}"/>
              </a:ext>
            </a:extLst>
          </p:cNvPr>
          <p:cNvSpPr>
            <a:spLocks noGrp="1"/>
          </p:cNvSpPr>
          <p:nvPr>
            <p:ph type="sldNum" sz="quarter" idx="15"/>
          </p:nvPr>
        </p:nvSpPr>
        <p:spPr/>
        <p:txBody>
          <a:bodyPr/>
          <a:lstStyle/>
          <a:p>
            <a:fld id="{B64FCF4A-2F3F-4397-9C44-D2344643394B}" type="slidenum">
              <a:rPr lang="fi-FI" smtClean="0"/>
              <a:pPr/>
              <a:t>61</a:t>
            </a:fld>
            <a:endParaRPr lang="fi-FI"/>
          </a:p>
        </p:txBody>
      </p:sp>
    </p:spTree>
    <p:extLst>
      <p:ext uri="{BB962C8B-B14F-4D97-AF65-F5344CB8AC3E}">
        <p14:creationId xmlns:p14="http://schemas.microsoft.com/office/powerpoint/2010/main" val="2128597126"/>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C194937A-6F66-8D1B-4268-370A60E62371}"/>
              </a:ext>
            </a:extLst>
          </p:cNvPr>
          <p:cNvSpPr>
            <a:spLocks noGrp="1"/>
          </p:cNvSpPr>
          <p:nvPr>
            <p:ph type="title"/>
          </p:nvPr>
        </p:nvSpPr>
        <p:spPr/>
        <p:txBody>
          <a:bodyPr/>
          <a:lstStyle/>
          <a:p>
            <a:r>
              <a:rPr lang="fi-FI"/>
              <a:t>Käytä värejä, joilla on riittävä kontrasti</a:t>
            </a:r>
          </a:p>
        </p:txBody>
      </p:sp>
      <p:sp>
        <p:nvSpPr>
          <p:cNvPr id="3" name="Text Placeholder 2">
            <a:extLst>
              <a:ext uri="{FF2B5EF4-FFF2-40B4-BE49-F238E27FC236}">
                <a16:creationId xmlns:a16="http://schemas.microsoft.com/office/drawing/2014/main" id="{78F09D87-21AE-DD85-84EC-EB9DE8A46CED}"/>
              </a:ext>
            </a:extLst>
          </p:cNvPr>
          <p:cNvSpPr>
            <a:spLocks noGrp="1"/>
          </p:cNvSpPr>
          <p:nvPr>
            <p:ph type="body" sz="quarter" idx="13"/>
          </p:nvPr>
        </p:nvSpPr>
        <p:spPr/>
        <p:txBody>
          <a:bodyPr/>
          <a:lstStyle/>
          <a:p>
            <a:r>
              <a:rPr lang="fi-FI"/>
              <a:t>muokkausohjeet</a:t>
            </a:r>
          </a:p>
        </p:txBody>
      </p:sp>
      <p:sp>
        <p:nvSpPr>
          <p:cNvPr id="5" name="Slide Number Placeholder 4">
            <a:extLst>
              <a:ext uri="{FF2B5EF4-FFF2-40B4-BE49-F238E27FC236}">
                <a16:creationId xmlns:a16="http://schemas.microsoft.com/office/drawing/2014/main" id="{EBEAD8DC-F465-F3AC-D271-84B0A1974E0D}"/>
              </a:ext>
              <a:ext uri="{C183D7F6-B498-43B3-948B-1728B52AA6E4}">
                <adec:decorative xmlns:adec="http://schemas.microsoft.com/office/drawing/2017/decorative" val="1"/>
              </a:ext>
            </a:extLst>
          </p:cNvPr>
          <p:cNvSpPr>
            <a:spLocks noGrp="1"/>
          </p:cNvSpPr>
          <p:nvPr>
            <p:ph type="sldNum" sz="quarter" idx="16"/>
          </p:nvPr>
        </p:nvSpPr>
        <p:spPr/>
        <p:txBody>
          <a:bodyPr/>
          <a:lstStyle/>
          <a:p>
            <a:fld id="{B64FCF4A-2F3F-4397-9C44-D2344643394B}" type="slidenum">
              <a:rPr lang="fi-FI" smtClean="0"/>
              <a:pPr/>
              <a:t>62</a:t>
            </a:fld>
            <a:endParaRPr lang="fi-FI"/>
          </a:p>
        </p:txBody>
      </p:sp>
      <p:sp>
        <p:nvSpPr>
          <p:cNvPr id="14" name="TextBox 13">
            <a:extLst>
              <a:ext uri="{FF2B5EF4-FFF2-40B4-BE49-F238E27FC236}">
                <a16:creationId xmlns:a16="http://schemas.microsoft.com/office/drawing/2014/main" id="{768F27E4-4428-FB5B-160E-309E638A3867}"/>
              </a:ext>
            </a:extLst>
          </p:cNvPr>
          <p:cNvSpPr txBox="1"/>
          <p:nvPr/>
        </p:nvSpPr>
        <p:spPr>
          <a:xfrm>
            <a:off x="675005" y="1779353"/>
            <a:ext cx="6177168" cy="277200"/>
          </a:xfrm>
          <a:prstGeom prst="rect">
            <a:avLst/>
          </a:prstGeom>
          <a:noFill/>
        </p:spPr>
        <p:txBody>
          <a:bodyPr wrap="square" lIns="0" tIns="0" rIns="0" bIns="0">
            <a:spAutoFit/>
          </a:bodyPr>
          <a:lstStyle/>
          <a:p>
            <a:pPr marL="0" indent="0">
              <a:buNone/>
            </a:pPr>
            <a:r>
              <a:rPr lang="fi-FI">
                <a:latin typeface="+mj-lt"/>
              </a:rPr>
              <a:t>Valkoinen teksti tai tausta:</a:t>
            </a:r>
            <a:endParaRPr lang="fi-FI" sz="1800">
              <a:latin typeface="+mj-lt"/>
            </a:endParaRPr>
          </a:p>
        </p:txBody>
      </p:sp>
      <p:sp>
        <p:nvSpPr>
          <p:cNvPr id="16" name="Oval 15" descr="White and Dark Blue is a good combination.">
            <a:extLst>
              <a:ext uri="{FF2B5EF4-FFF2-40B4-BE49-F238E27FC236}">
                <a16:creationId xmlns:a16="http://schemas.microsoft.com/office/drawing/2014/main" id="{6F497067-9F09-9410-1FF3-505EE1220AB1}"/>
              </a:ext>
            </a:extLst>
          </p:cNvPr>
          <p:cNvSpPr/>
          <p:nvPr/>
        </p:nvSpPr>
        <p:spPr>
          <a:xfrm>
            <a:off x="695326" y="2288921"/>
            <a:ext cx="727984" cy="727984"/>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17" name="TextBox 16">
            <a:extLst>
              <a:ext uri="{FF2B5EF4-FFF2-40B4-BE49-F238E27FC236}">
                <a16:creationId xmlns:a16="http://schemas.microsoft.com/office/drawing/2014/main" id="{52FA3F71-8CF4-C423-F6C8-043020DC022D}"/>
              </a:ext>
              <a:ext uri="{C183D7F6-B498-43B3-948B-1728B52AA6E4}">
                <adec:decorative xmlns:adec="http://schemas.microsoft.com/office/drawing/2017/decorative" val="1"/>
              </a:ext>
            </a:extLst>
          </p:cNvPr>
          <p:cNvSpPr txBox="1"/>
          <p:nvPr/>
        </p:nvSpPr>
        <p:spPr>
          <a:xfrm>
            <a:off x="904461" y="251507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18" name="Oval 17">
            <a:extLst>
              <a:ext uri="{FF2B5EF4-FFF2-40B4-BE49-F238E27FC236}">
                <a16:creationId xmlns:a16="http://schemas.microsoft.com/office/drawing/2014/main" id="{72D27F2A-953D-56F3-9D73-B86C1B06A9AB}"/>
              </a:ext>
              <a:ext uri="{C183D7F6-B498-43B3-948B-1728B52AA6E4}">
                <adec:decorative xmlns:adec="http://schemas.microsoft.com/office/drawing/2017/decorative" val="1"/>
              </a:ext>
            </a:extLst>
          </p:cNvPr>
          <p:cNvSpPr/>
          <p:nvPr/>
        </p:nvSpPr>
        <p:spPr>
          <a:xfrm>
            <a:off x="1268453" y="2288037"/>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19" name="TextBox 18">
            <a:extLst>
              <a:ext uri="{FF2B5EF4-FFF2-40B4-BE49-F238E27FC236}">
                <a16:creationId xmlns:a16="http://schemas.microsoft.com/office/drawing/2014/main" id="{6108094E-F09F-D14C-1923-A0B7A4789CD8}"/>
              </a:ext>
              <a:ext uri="{C183D7F6-B498-43B3-948B-1728B52AA6E4}">
                <adec:decorative xmlns:adec="http://schemas.microsoft.com/office/drawing/2017/decorative" val="1"/>
              </a:ext>
            </a:extLst>
          </p:cNvPr>
          <p:cNvSpPr txBox="1"/>
          <p:nvPr/>
        </p:nvSpPr>
        <p:spPr>
          <a:xfrm>
            <a:off x="1477588" y="251418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bg1"/>
                </a:solidFill>
                <a:latin typeface="Cadiz SemiBold" pitchFamily="2" charset="77"/>
              </a:rPr>
              <a:t>Aa</a:t>
            </a:r>
          </a:p>
        </p:txBody>
      </p:sp>
      <p:sp>
        <p:nvSpPr>
          <p:cNvPr id="20" name="Oval 19" descr="White and Digital Blue is not the most preferred combination, but it is still one of the best colors to use with white.">
            <a:extLst>
              <a:ext uri="{FF2B5EF4-FFF2-40B4-BE49-F238E27FC236}">
                <a16:creationId xmlns:a16="http://schemas.microsoft.com/office/drawing/2014/main" id="{7173FD10-B338-7A7D-D11C-69B9E61DF29E}"/>
              </a:ext>
            </a:extLst>
          </p:cNvPr>
          <p:cNvSpPr/>
          <p:nvPr/>
        </p:nvSpPr>
        <p:spPr>
          <a:xfrm>
            <a:off x="6392937" y="2288921"/>
            <a:ext cx="727984" cy="727984"/>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1" name="TextBox 20">
            <a:extLst>
              <a:ext uri="{FF2B5EF4-FFF2-40B4-BE49-F238E27FC236}">
                <a16:creationId xmlns:a16="http://schemas.microsoft.com/office/drawing/2014/main" id="{D031A67A-6ABE-FAB6-7AEA-0F71A29D1F46}"/>
              </a:ext>
              <a:ext uri="{C183D7F6-B498-43B3-948B-1728B52AA6E4}">
                <adec:decorative xmlns:adec="http://schemas.microsoft.com/office/drawing/2017/decorative" val="1"/>
              </a:ext>
            </a:extLst>
          </p:cNvPr>
          <p:cNvSpPr txBox="1"/>
          <p:nvPr/>
        </p:nvSpPr>
        <p:spPr>
          <a:xfrm>
            <a:off x="6602072" y="251507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accent2"/>
                </a:solidFill>
                <a:latin typeface="Cadiz SemiBold" pitchFamily="2" charset="77"/>
              </a:rPr>
              <a:t>Aa</a:t>
            </a:r>
          </a:p>
        </p:txBody>
      </p:sp>
      <p:sp>
        <p:nvSpPr>
          <p:cNvPr id="22" name="Oval 21">
            <a:extLst>
              <a:ext uri="{FF2B5EF4-FFF2-40B4-BE49-F238E27FC236}">
                <a16:creationId xmlns:a16="http://schemas.microsoft.com/office/drawing/2014/main" id="{2B374890-165B-A366-F9AF-AB0900B1F032}"/>
              </a:ext>
              <a:ext uri="{C183D7F6-B498-43B3-948B-1728B52AA6E4}">
                <adec:decorative xmlns:adec="http://schemas.microsoft.com/office/drawing/2017/decorative" val="1"/>
              </a:ext>
            </a:extLst>
          </p:cNvPr>
          <p:cNvSpPr/>
          <p:nvPr/>
        </p:nvSpPr>
        <p:spPr>
          <a:xfrm>
            <a:off x="6966064" y="2288037"/>
            <a:ext cx="727984" cy="727984"/>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3" name="TextBox 22">
            <a:extLst>
              <a:ext uri="{FF2B5EF4-FFF2-40B4-BE49-F238E27FC236}">
                <a16:creationId xmlns:a16="http://schemas.microsoft.com/office/drawing/2014/main" id="{C24E34BF-2C3B-24CB-5126-3F5DB32DE12F}"/>
              </a:ext>
              <a:ext uri="{C183D7F6-B498-43B3-948B-1728B52AA6E4}">
                <adec:decorative xmlns:adec="http://schemas.microsoft.com/office/drawing/2017/decorative" val="1"/>
              </a:ext>
            </a:extLst>
          </p:cNvPr>
          <p:cNvSpPr txBox="1"/>
          <p:nvPr/>
        </p:nvSpPr>
        <p:spPr>
          <a:xfrm>
            <a:off x="7175199" y="251418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bg1"/>
                </a:solidFill>
                <a:latin typeface="Cadiz SemiBold" pitchFamily="2" charset="77"/>
              </a:rPr>
              <a:t>Aa</a:t>
            </a:r>
          </a:p>
        </p:txBody>
      </p:sp>
      <p:sp>
        <p:nvSpPr>
          <p:cNvPr id="24" name="Oval 23" descr="White and Grey Eminence is not the most preferred combination, but it is still one of the best colors to use with white.">
            <a:extLst>
              <a:ext uri="{FF2B5EF4-FFF2-40B4-BE49-F238E27FC236}">
                <a16:creationId xmlns:a16="http://schemas.microsoft.com/office/drawing/2014/main" id="{532A471C-62D0-C6C9-E8F5-E85C868B0492}"/>
              </a:ext>
            </a:extLst>
          </p:cNvPr>
          <p:cNvSpPr/>
          <p:nvPr/>
        </p:nvSpPr>
        <p:spPr>
          <a:xfrm>
            <a:off x="7903183" y="2288037"/>
            <a:ext cx="727984" cy="727984"/>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5" name="TextBox 24">
            <a:extLst>
              <a:ext uri="{FF2B5EF4-FFF2-40B4-BE49-F238E27FC236}">
                <a16:creationId xmlns:a16="http://schemas.microsoft.com/office/drawing/2014/main" id="{DD243998-BCE7-9F87-B28D-499F9CBFC09B}"/>
              </a:ext>
              <a:ext uri="{C183D7F6-B498-43B3-948B-1728B52AA6E4}">
                <adec:decorative xmlns:adec="http://schemas.microsoft.com/office/drawing/2017/decorative" val="1"/>
              </a:ext>
            </a:extLst>
          </p:cNvPr>
          <p:cNvSpPr txBox="1"/>
          <p:nvPr/>
        </p:nvSpPr>
        <p:spPr>
          <a:xfrm>
            <a:off x="8112318" y="251418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tx2"/>
                </a:solidFill>
                <a:latin typeface="Cadiz SemiBold" pitchFamily="2" charset="77"/>
              </a:rPr>
              <a:t>Aa</a:t>
            </a:r>
          </a:p>
        </p:txBody>
      </p:sp>
      <p:sp>
        <p:nvSpPr>
          <p:cNvPr id="26" name="Oval 25">
            <a:extLst>
              <a:ext uri="{FF2B5EF4-FFF2-40B4-BE49-F238E27FC236}">
                <a16:creationId xmlns:a16="http://schemas.microsoft.com/office/drawing/2014/main" id="{B481CAD4-6B4E-679C-81D2-94DC560CA375}"/>
              </a:ext>
              <a:ext uri="{C183D7F6-B498-43B3-948B-1728B52AA6E4}">
                <adec:decorative xmlns:adec="http://schemas.microsoft.com/office/drawing/2017/decorative" val="1"/>
              </a:ext>
            </a:extLst>
          </p:cNvPr>
          <p:cNvSpPr/>
          <p:nvPr/>
        </p:nvSpPr>
        <p:spPr>
          <a:xfrm>
            <a:off x="8476310" y="2287153"/>
            <a:ext cx="727984" cy="727984"/>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7" name="TextBox 26">
            <a:extLst>
              <a:ext uri="{FF2B5EF4-FFF2-40B4-BE49-F238E27FC236}">
                <a16:creationId xmlns:a16="http://schemas.microsoft.com/office/drawing/2014/main" id="{6C2EA47C-FDF7-15E2-79F5-BC6A0D8F7E1F}"/>
              </a:ext>
              <a:ext uri="{C183D7F6-B498-43B3-948B-1728B52AA6E4}">
                <adec:decorative xmlns:adec="http://schemas.microsoft.com/office/drawing/2017/decorative" val="1"/>
              </a:ext>
            </a:extLst>
          </p:cNvPr>
          <p:cNvSpPr txBox="1"/>
          <p:nvPr/>
        </p:nvSpPr>
        <p:spPr>
          <a:xfrm>
            <a:off x="8685445" y="251330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bg1"/>
                </a:solidFill>
                <a:latin typeface="Cadiz SemiBold" pitchFamily="2" charset="77"/>
              </a:rPr>
              <a:t>Aa</a:t>
            </a:r>
          </a:p>
        </p:txBody>
      </p:sp>
      <p:sp>
        <p:nvSpPr>
          <p:cNvPr id="15" name="TextBox 14">
            <a:extLst>
              <a:ext uri="{FF2B5EF4-FFF2-40B4-BE49-F238E27FC236}">
                <a16:creationId xmlns:a16="http://schemas.microsoft.com/office/drawing/2014/main" id="{6FD4D52F-D356-F53C-88F9-6535BFEB0934}"/>
              </a:ext>
            </a:extLst>
          </p:cNvPr>
          <p:cNvSpPr txBox="1"/>
          <p:nvPr/>
        </p:nvSpPr>
        <p:spPr>
          <a:xfrm>
            <a:off x="675005" y="3395254"/>
            <a:ext cx="6177168" cy="277200"/>
          </a:xfrm>
          <a:prstGeom prst="rect">
            <a:avLst/>
          </a:prstGeom>
          <a:noFill/>
        </p:spPr>
        <p:txBody>
          <a:bodyPr wrap="square" lIns="0" tIns="0" rIns="0" bIns="0">
            <a:spAutoFit/>
          </a:bodyPr>
          <a:lstStyle/>
          <a:p>
            <a:pPr marL="0" indent="0">
              <a:buNone/>
            </a:pPr>
            <a:r>
              <a:rPr lang="fi-FI">
                <a:latin typeface="+mj-lt"/>
              </a:rPr>
              <a:t>Tummansininen teksti tai tausta:</a:t>
            </a:r>
            <a:endParaRPr lang="fi-FI" sz="1800">
              <a:latin typeface="+mj-lt"/>
            </a:endParaRPr>
          </a:p>
        </p:txBody>
      </p:sp>
      <p:sp>
        <p:nvSpPr>
          <p:cNvPr id="31" name="Oval 30" descr="Dark Blue and Ruby on Rails is a good combination.">
            <a:extLst>
              <a:ext uri="{FF2B5EF4-FFF2-40B4-BE49-F238E27FC236}">
                <a16:creationId xmlns:a16="http://schemas.microsoft.com/office/drawing/2014/main" id="{E4B32E55-431D-B05B-122A-3DA01695F090}"/>
              </a:ext>
            </a:extLst>
          </p:cNvPr>
          <p:cNvSpPr/>
          <p:nvPr/>
        </p:nvSpPr>
        <p:spPr>
          <a:xfrm>
            <a:off x="695326" y="4037969"/>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32" name="TextBox 31">
            <a:extLst>
              <a:ext uri="{FF2B5EF4-FFF2-40B4-BE49-F238E27FC236}">
                <a16:creationId xmlns:a16="http://schemas.microsoft.com/office/drawing/2014/main" id="{91D631B4-EA4D-9CAA-7425-AE223AF0A2F3}"/>
              </a:ext>
              <a:ext uri="{C183D7F6-B498-43B3-948B-1728B52AA6E4}">
                <adec:decorative xmlns:adec="http://schemas.microsoft.com/office/drawing/2017/decorative" val="1"/>
              </a:ext>
            </a:extLst>
          </p:cNvPr>
          <p:cNvSpPr txBox="1"/>
          <p:nvPr/>
        </p:nvSpPr>
        <p:spPr>
          <a:xfrm>
            <a:off x="904461" y="4264120"/>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accent6"/>
                </a:solidFill>
                <a:latin typeface="Cadiz SemiBold" pitchFamily="2" charset="77"/>
              </a:rPr>
              <a:t>Aa</a:t>
            </a:r>
          </a:p>
        </p:txBody>
      </p:sp>
      <p:sp>
        <p:nvSpPr>
          <p:cNvPr id="33" name="Oval 32">
            <a:extLst>
              <a:ext uri="{FF2B5EF4-FFF2-40B4-BE49-F238E27FC236}">
                <a16:creationId xmlns:a16="http://schemas.microsoft.com/office/drawing/2014/main" id="{D9AEC539-C880-3EC6-BE57-3D455D420773}"/>
              </a:ext>
              <a:ext uri="{C183D7F6-B498-43B3-948B-1728B52AA6E4}">
                <adec:decorative xmlns:adec="http://schemas.microsoft.com/office/drawing/2017/decorative" val="1"/>
              </a:ext>
            </a:extLst>
          </p:cNvPr>
          <p:cNvSpPr/>
          <p:nvPr/>
        </p:nvSpPr>
        <p:spPr>
          <a:xfrm>
            <a:off x="1268453" y="4037085"/>
            <a:ext cx="727984" cy="727984"/>
          </a:xfrm>
          <a:prstGeom prst="ellips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34" name="TextBox 33">
            <a:extLst>
              <a:ext uri="{FF2B5EF4-FFF2-40B4-BE49-F238E27FC236}">
                <a16:creationId xmlns:a16="http://schemas.microsoft.com/office/drawing/2014/main" id="{557901FE-2E99-9704-B78D-7C0B128DDCC6}"/>
              </a:ext>
              <a:ext uri="{C183D7F6-B498-43B3-948B-1728B52AA6E4}">
                <adec:decorative xmlns:adec="http://schemas.microsoft.com/office/drawing/2017/decorative" val="1"/>
              </a:ext>
            </a:extLst>
          </p:cNvPr>
          <p:cNvSpPr txBox="1"/>
          <p:nvPr/>
        </p:nvSpPr>
        <p:spPr>
          <a:xfrm>
            <a:off x="1477588" y="4263236"/>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54" name="Oval 53" descr="Dark Blue and Blushing Consultant is a good combination.">
            <a:extLst>
              <a:ext uri="{FF2B5EF4-FFF2-40B4-BE49-F238E27FC236}">
                <a16:creationId xmlns:a16="http://schemas.microsoft.com/office/drawing/2014/main" id="{8DC2DD3C-F6A7-C894-15D8-BB4CFFF7DDAB}"/>
              </a:ext>
            </a:extLst>
          </p:cNvPr>
          <p:cNvSpPr/>
          <p:nvPr/>
        </p:nvSpPr>
        <p:spPr>
          <a:xfrm>
            <a:off x="2098928" y="4037744"/>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55" name="TextBox 54">
            <a:extLst>
              <a:ext uri="{FF2B5EF4-FFF2-40B4-BE49-F238E27FC236}">
                <a16:creationId xmlns:a16="http://schemas.microsoft.com/office/drawing/2014/main" id="{22615CDF-F4DA-7182-058C-92E5EB00F047}"/>
              </a:ext>
              <a:ext uri="{C183D7F6-B498-43B3-948B-1728B52AA6E4}">
                <adec:decorative xmlns:adec="http://schemas.microsoft.com/office/drawing/2017/decorative" val="1"/>
              </a:ext>
            </a:extLst>
          </p:cNvPr>
          <p:cNvSpPr txBox="1"/>
          <p:nvPr/>
        </p:nvSpPr>
        <p:spPr>
          <a:xfrm>
            <a:off x="2308063" y="4263895"/>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C6DA"/>
                </a:solidFill>
                <a:latin typeface="Cadiz SemiBold" pitchFamily="2" charset="77"/>
              </a:rPr>
              <a:t>Aa</a:t>
            </a:r>
          </a:p>
        </p:txBody>
      </p:sp>
      <p:sp>
        <p:nvSpPr>
          <p:cNvPr id="56" name="Oval 55">
            <a:extLst>
              <a:ext uri="{FF2B5EF4-FFF2-40B4-BE49-F238E27FC236}">
                <a16:creationId xmlns:a16="http://schemas.microsoft.com/office/drawing/2014/main" id="{80D70FA4-57F2-B072-6A8C-ACEC17B0CDC9}"/>
              </a:ext>
              <a:ext uri="{C183D7F6-B498-43B3-948B-1728B52AA6E4}">
                <adec:decorative xmlns:adec="http://schemas.microsoft.com/office/drawing/2017/decorative" val="1"/>
              </a:ext>
            </a:extLst>
          </p:cNvPr>
          <p:cNvSpPr/>
          <p:nvPr/>
        </p:nvSpPr>
        <p:spPr>
          <a:xfrm>
            <a:off x="2672055" y="4036860"/>
            <a:ext cx="727984" cy="727984"/>
          </a:xfrm>
          <a:prstGeom prst="ellipse">
            <a:avLst/>
          </a:prstGeom>
          <a:solidFill>
            <a:srgbClr val="FFC6D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57" name="TextBox 56">
            <a:extLst>
              <a:ext uri="{FF2B5EF4-FFF2-40B4-BE49-F238E27FC236}">
                <a16:creationId xmlns:a16="http://schemas.microsoft.com/office/drawing/2014/main" id="{B2B0E9E9-FE0D-2888-77DF-47EBF007C7A7}"/>
              </a:ext>
              <a:ext uri="{C183D7F6-B498-43B3-948B-1728B52AA6E4}">
                <adec:decorative xmlns:adec="http://schemas.microsoft.com/office/drawing/2017/decorative" val="1"/>
              </a:ext>
            </a:extLst>
          </p:cNvPr>
          <p:cNvSpPr txBox="1"/>
          <p:nvPr/>
        </p:nvSpPr>
        <p:spPr>
          <a:xfrm>
            <a:off x="2881190" y="4263011"/>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58" name="Oval 57" descr="Dark Blue and Blueberry Milk is a good combination.">
            <a:extLst>
              <a:ext uri="{FF2B5EF4-FFF2-40B4-BE49-F238E27FC236}">
                <a16:creationId xmlns:a16="http://schemas.microsoft.com/office/drawing/2014/main" id="{053E1C58-2C1C-C725-97DB-CE53190D8438}"/>
              </a:ext>
            </a:extLst>
          </p:cNvPr>
          <p:cNvSpPr/>
          <p:nvPr/>
        </p:nvSpPr>
        <p:spPr>
          <a:xfrm>
            <a:off x="3502530" y="4045202"/>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59" name="TextBox 58">
            <a:extLst>
              <a:ext uri="{FF2B5EF4-FFF2-40B4-BE49-F238E27FC236}">
                <a16:creationId xmlns:a16="http://schemas.microsoft.com/office/drawing/2014/main" id="{48F89EEA-9762-EE00-E5F2-2DB508101F46}"/>
              </a:ext>
              <a:ext uri="{C183D7F6-B498-43B3-948B-1728B52AA6E4}">
                <adec:decorative xmlns:adec="http://schemas.microsoft.com/office/drawing/2017/decorative" val="1"/>
              </a:ext>
            </a:extLst>
          </p:cNvPr>
          <p:cNvSpPr txBox="1"/>
          <p:nvPr/>
        </p:nvSpPr>
        <p:spPr>
          <a:xfrm>
            <a:off x="3711665" y="4271353"/>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EFF6"/>
                </a:solidFill>
                <a:latin typeface="Cadiz SemiBold" pitchFamily="2" charset="77"/>
              </a:rPr>
              <a:t>Aa</a:t>
            </a:r>
          </a:p>
        </p:txBody>
      </p:sp>
      <p:sp>
        <p:nvSpPr>
          <p:cNvPr id="60" name="Oval 59">
            <a:extLst>
              <a:ext uri="{FF2B5EF4-FFF2-40B4-BE49-F238E27FC236}">
                <a16:creationId xmlns:a16="http://schemas.microsoft.com/office/drawing/2014/main" id="{223631C3-99FD-0611-50E6-9AACF33FF086}"/>
              </a:ext>
              <a:ext uri="{C183D7F6-B498-43B3-948B-1728B52AA6E4}">
                <adec:decorative xmlns:adec="http://schemas.microsoft.com/office/drawing/2017/decorative" val="1"/>
              </a:ext>
            </a:extLst>
          </p:cNvPr>
          <p:cNvSpPr/>
          <p:nvPr/>
        </p:nvSpPr>
        <p:spPr>
          <a:xfrm>
            <a:off x="4075657" y="4044318"/>
            <a:ext cx="727984" cy="727984"/>
          </a:xfrm>
          <a:prstGeom prst="ellipse">
            <a:avLst/>
          </a:prstGeom>
          <a:solidFill>
            <a:srgbClr val="FFEF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1" name="TextBox 60">
            <a:extLst>
              <a:ext uri="{FF2B5EF4-FFF2-40B4-BE49-F238E27FC236}">
                <a16:creationId xmlns:a16="http://schemas.microsoft.com/office/drawing/2014/main" id="{3FCF8137-0B27-A8D4-1BE7-0DB5A6E698B8}"/>
              </a:ext>
              <a:ext uri="{C183D7F6-B498-43B3-948B-1728B52AA6E4}">
                <adec:decorative xmlns:adec="http://schemas.microsoft.com/office/drawing/2017/decorative" val="1"/>
              </a:ext>
            </a:extLst>
          </p:cNvPr>
          <p:cNvSpPr txBox="1"/>
          <p:nvPr/>
        </p:nvSpPr>
        <p:spPr>
          <a:xfrm>
            <a:off x="4284792" y="427046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62" name="Oval 61" descr="Dark Blue and Salmon Byte is a good combination.">
            <a:extLst>
              <a:ext uri="{FF2B5EF4-FFF2-40B4-BE49-F238E27FC236}">
                <a16:creationId xmlns:a16="http://schemas.microsoft.com/office/drawing/2014/main" id="{CBC977CB-C988-B03B-3E84-7AC3D32BD56E}"/>
              </a:ext>
            </a:extLst>
          </p:cNvPr>
          <p:cNvSpPr/>
          <p:nvPr/>
        </p:nvSpPr>
        <p:spPr>
          <a:xfrm>
            <a:off x="6344724" y="4045427"/>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3" name="TextBox 62">
            <a:extLst>
              <a:ext uri="{FF2B5EF4-FFF2-40B4-BE49-F238E27FC236}">
                <a16:creationId xmlns:a16="http://schemas.microsoft.com/office/drawing/2014/main" id="{A5B317DF-14B9-2CEA-CC0D-FC22D11D2A64}"/>
              </a:ext>
              <a:ext uri="{C183D7F6-B498-43B3-948B-1728B52AA6E4}">
                <adec:decorative xmlns:adec="http://schemas.microsoft.com/office/drawing/2017/decorative" val="1"/>
              </a:ext>
            </a:extLst>
          </p:cNvPr>
          <p:cNvSpPr txBox="1"/>
          <p:nvPr/>
        </p:nvSpPr>
        <p:spPr>
          <a:xfrm>
            <a:off x="6553859" y="427157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A471"/>
                </a:solidFill>
                <a:latin typeface="Cadiz SemiBold" pitchFamily="2" charset="77"/>
              </a:rPr>
              <a:t>Aa</a:t>
            </a:r>
          </a:p>
        </p:txBody>
      </p:sp>
      <p:sp>
        <p:nvSpPr>
          <p:cNvPr id="64" name="Oval 63">
            <a:extLst>
              <a:ext uri="{FF2B5EF4-FFF2-40B4-BE49-F238E27FC236}">
                <a16:creationId xmlns:a16="http://schemas.microsoft.com/office/drawing/2014/main" id="{CDC8F50A-26DC-376F-1001-68BF3679BD50}"/>
              </a:ext>
              <a:ext uri="{C183D7F6-B498-43B3-948B-1728B52AA6E4}">
                <adec:decorative xmlns:adec="http://schemas.microsoft.com/office/drawing/2017/decorative" val="1"/>
              </a:ext>
            </a:extLst>
          </p:cNvPr>
          <p:cNvSpPr/>
          <p:nvPr/>
        </p:nvSpPr>
        <p:spPr>
          <a:xfrm>
            <a:off x="6917851" y="4044543"/>
            <a:ext cx="727984" cy="727984"/>
          </a:xfrm>
          <a:prstGeom prst="ellipse">
            <a:avLst/>
          </a:prstGeom>
          <a:solidFill>
            <a:srgbClr val="FFA4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5" name="TextBox 64">
            <a:extLst>
              <a:ext uri="{FF2B5EF4-FFF2-40B4-BE49-F238E27FC236}">
                <a16:creationId xmlns:a16="http://schemas.microsoft.com/office/drawing/2014/main" id="{6C3AED05-7506-8628-EFB9-94BE04B12B5F}"/>
              </a:ext>
              <a:ext uri="{C183D7F6-B498-43B3-948B-1728B52AA6E4}">
                <adec:decorative xmlns:adec="http://schemas.microsoft.com/office/drawing/2017/decorative" val="1"/>
              </a:ext>
            </a:extLst>
          </p:cNvPr>
          <p:cNvSpPr txBox="1"/>
          <p:nvPr/>
        </p:nvSpPr>
        <p:spPr>
          <a:xfrm>
            <a:off x="7126986" y="427069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66" name="Oval 65" descr="Dark Blue and Granny Pants is a good combination.">
            <a:extLst>
              <a:ext uri="{FF2B5EF4-FFF2-40B4-BE49-F238E27FC236}">
                <a16:creationId xmlns:a16="http://schemas.microsoft.com/office/drawing/2014/main" id="{AF990580-E174-BD14-E36F-86D8F0663445}"/>
              </a:ext>
            </a:extLst>
          </p:cNvPr>
          <p:cNvSpPr/>
          <p:nvPr/>
        </p:nvSpPr>
        <p:spPr>
          <a:xfrm>
            <a:off x="7748326" y="4045202"/>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7" name="TextBox 66">
            <a:extLst>
              <a:ext uri="{FF2B5EF4-FFF2-40B4-BE49-F238E27FC236}">
                <a16:creationId xmlns:a16="http://schemas.microsoft.com/office/drawing/2014/main" id="{5811F289-FED1-C337-FF7D-3C56C9AE3BF2}"/>
              </a:ext>
              <a:ext uri="{C183D7F6-B498-43B3-948B-1728B52AA6E4}">
                <adec:decorative xmlns:adec="http://schemas.microsoft.com/office/drawing/2017/decorative" val="1"/>
              </a:ext>
            </a:extLst>
          </p:cNvPr>
          <p:cNvSpPr txBox="1"/>
          <p:nvPr/>
        </p:nvSpPr>
        <p:spPr>
          <a:xfrm>
            <a:off x="7957461" y="4271353"/>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E1D7"/>
                </a:solidFill>
                <a:latin typeface="Cadiz SemiBold" pitchFamily="2" charset="77"/>
              </a:rPr>
              <a:t>Aa</a:t>
            </a:r>
          </a:p>
        </p:txBody>
      </p:sp>
      <p:sp>
        <p:nvSpPr>
          <p:cNvPr id="68" name="Oval 67">
            <a:extLst>
              <a:ext uri="{FF2B5EF4-FFF2-40B4-BE49-F238E27FC236}">
                <a16:creationId xmlns:a16="http://schemas.microsoft.com/office/drawing/2014/main" id="{E0D5C662-BD9D-96B3-1518-D706C464FD4F}"/>
              </a:ext>
              <a:ext uri="{C183D7F6-B498-43B3-948B-1728B52AA6E4}">
                <adec:decorative xmlns:adec="http://schemas.microsoft.com/office/drawing/2017/decorative" val="1"/>
              </a:ext>
            </a:extLst>
          </p:cNvPr>
          <p:cNvSpPr/>
          <p:nvPr/>
        </p:nvSpPr>
        <p:spPr>
          <a:xfrm>
            <a:off x="8321453" y="4044318"/>
            <a:ext cx="727984" cy="727984"/>
          </a:xfrm>
          <a:prstGeom prst="ellipse">
            <a:avLst/>
          </a:prstGeom>
          <a:solidFill>
            <a:srgbClr val="FFE1D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9" name="TextBox 68">
            <a:extLst>
              <a:ext uri="{FF2B5EF4-FFF2-40B4-BE49-F238E27FC236}">
                <a16:creationId xmlns:a16="http://schemas.microsoft.com/office/drawing/2014/main" id="{2B490633-019B-E3C5-BD5B-9EA96A16CDA5}"/>
              </a:ext>
              <a:ext uri="{C183D7F6-B498-43B3-948B-1728B52AA6E4}">
                <adec:decorative xmlns:adec="http://schemas.microsoft.com/office/drawing/2017/decorative" val="1"/>
              </a:ext>
            </a:extLst>
          </p:cNvPr>
          <p:cNvSpPr txBox="1"/>
          <p:nvPr/>
        </p:nvSpPr>
        <p:spPr>
          <a:xfrm>
            <a:off x="8530588" y="427046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70" name="Oval 69" descr="Dark Blue and Incognito is a good combination.">
            <a:extLst>
              <a:ext uri="{FF2B5EF4-FFF2-40B4-BE49-F238E27FC236}">
                <a16:creationId xmlns:a16="http://schemas.microsoft.com/office/drawing/2014/main" id="{C5EFEB6D-30E2-8924-3709-BC429A38DCD2}"/>
              </a:ext>
            </a:extLst>
          </p:cNvPr>
          <p:cNvSpPr/>
          <p:nvPr/>
        </p:nvSpPr>
        <p:spPr>
          <a:xfrm>
            <a:off x="9151928" y="4052660"/>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1" name="TextBox 70">
            <a:extLst>
              <a:ext uri="{FF2B5EF4-FFF2-40B4-BE49-F238E27FC236}">
                <a16:creationId xmlns:a16="http://schemas.microsoft.com/office/drawing/2014/main" id="{A156010C-97EB-56B2-9B57-149C6681D36C}"/>
              </a:ext>
              <a:ext uri="{C183D7F6-B498-43B3-948B-1728B52AA6E4}">
                <adec:decorative xmlns:adec="http://schemas.microsoft.com/office/drawing/2017/decorative" val="1"/>
              </a:ext>
            </a:extLst>
          </p:cNvPr>
          <p:cNvSpPr txBox="1"/>
          <p:nvPr/>
        </p:nvSpPr>
        <p:spPr>
          <a:xfrm>
            <a:off x="9361063" y="4278811"/>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AF1EF"/>
                </a:solidFill>
                <a:latin typeface="Cadiz SemiBold" pitchFamily="2" charset="77"/>
              </a:rPr>
              <a:t>Aa</a:t>
            </a:r>
          </a:p>
        </p:txBody>
      </p:sp>
      <p:sp>
        <p:nvSpPr>
          <p:cNvPr id="72" name="Oval 71">
            <a:extLst>
              <a:ext uri="{FF2B5EF4-FFF2-40B4-BE49-F238E27FC236}">
                <a16:creationId xmlns:a16="http://schemas.microsoft.com/office/drawing/2014/main" id="{51F6500A-2D08-A22D-0D96-2971C00EC8BA}"/>
              </a:ext>
              <a:ext uri="{C183D7F6-B498-43B3-948B-1728B52AA6E4}">
                <adec:decorative xmlns:adec="http://schemas.microsoft.com/office/drawing/2017/decorative" val="1"/>
              </a:ext>
            </a:extLst>
          </p:cNvPr>
          <p:cNvSpPr/>
          <p:nvPr/>
        </p:nvSpPr>
        <p:spPr>
          <a:xfrm>
            <a:off x="9725055" y="4051776"/>
            <a:ext cx="727984" cy="727984"/>
          </a:xfrm>
          <a:prstGeom prst="ellipse">
            <a:avLst/>
          </a:prstGeom>
          <a:solidFill>
            <a:srgbClr val="FAF1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3" name="TextBox 72">
            <a:extLst>
              <a:ext uri="{FF2B5EF4-FFF2-40B4-BE49-F238E27FC236}">
                <a16:creationId xmlns:a16="http://schemas.microsoft.com/office/drawing/2014/main" id="{89DEC78D-47EF-03E7-7FDF-E44532C89BA5}"/>
              </a:ext>
              <a:ext uri="{C183D7F6-B498-43B3-948B-1728B52AA6E4}">
                <adec:decorative xmlns:adec="http://schemas.microsoft.com/office/drawing/2017/decorative" val="1"/>
              </a:ext>
            </a:extLst>
          </p:cNvPr>
          <p:cNvSpPr txBox="1"/>
          <p:nvPr/>
        </p:nvSpPr>
        <p:spPr>
          <a:xfrm>
            <a:off x="9934190" y="4277927"/>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74" name="Oval 73" descr="Dark Blue and Code Blue is a good combination.">
            <a:extLst>
              <a:ext uri="{FF2B5EF4-FFF2-40B4-BE49-F238E27FC236}">
                <a16:creationId xmlns:a16="http://schemas.microsoft.com/office/drawing/2014/main" id="{9DEA22D5-CB55-1912-00A8-3DF9107255E4}"/>
              </a:ext>
            </a:extLst>
          </p:cNvPr>
          <p:cNvSpPr/>
          <p:nvPr/>
        </p:nvSpPr>
        <p:spPr>
          <a:xfrm>
            <a:off x="673288" y="5303552"/>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5" name="TextBox 74">
            <a:extLst>
              <a:ext uri="{FF2B5EF4-FFF2-40B4-BE49-F238E27FC236}">
                <a16:creationId xmlns:a16="http://schemas.microsoft.com/office/drawing/2014/main" id="{1D0EACE6-8D23-26B0-04E5-CF60E076789C}"/>
              </a:ext>
              <a:ext uri="{C183D7F6-B498-43B3-948B-1728B52AA6E4}">
                <adec:decorative xmlns:adec="http://schemas.microsoft.com/office/drawing/2017/decorative" val="1"/>
              </a:ext>
            </a:extLst>
          </p:cNvPr>
          <p:cNvSpPr txBox="1"/>
          <p:nvPr/>
        </p:nvSpPr>
        <p:spPr>
          <a:xfrm>
            <a:off x="882423" y="5529703"/>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43C1DF"/>
                </a:solidFill>
                <a:latin typeface="Cadiz SemiBold" pitchFamily="2" charset="77"/>
              </a:rPr>
              <a:t>Aa</a:t>
            </a:r>
          </a:p>
        </p:txBody>
      </p:sp>
      <p:sp>
        <p:nvSpPr>
          <p:cNvPr id="76" name="Oval 75">
            <a:extLst>
              <a:ext uri="{FF2B5EF4-FFF2-40B4-BE49-F238E27FC236}">
                <a16:creationId xmlns:a16="http://schemas.microsoft.com/office/drawing/2014/main" id="{C045C8DD-7C6F-0694-0765-EB53305BFA93}"/>
              </a:ext>
              <a:ext uri="{C183D7F6-B498-43B3-948B-1728B52AA6E4}">
                <adec:decorative xmlns:adec="http://schemas.microsoft.com/office/drawing/2017/decorative" val="1"/>
              </a:ext>
            </a:extLst>
          </p:cNvPr>
          <p:cNvSpPr/>
          <p:nvPr/>
        </p:nvSpPr>
        <p:spPr>
          <a:xfrm>
            <a:off x="1246415" y="5302668"/>
            <a:ext cx="727984" cy="727984"/>
          </a:xfrm>
          <a:prstGeom prst="ellipse">
            <a:avLst/>
          </a:prstGeom>
          <a:solidFill>
            <a:srgbClr val="43C1D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7" name="TextBox 76">
            <a:extLst>
              <a:ext uri="{FF2B5EF4-FFF2-40B4-BE49-F238E27FC236}">
                <a16:creationId xmlns:a16="http://schemas.microsoft.com/office/drawing/2014/main" id="{3F4782D4-A8F5-7E64-E4DC-5ABFC8314B04}"/>
              </a:ext>
              <a:ext uri="{C183D7F6-B498-43B3-948B-1728B52AA6E4}">
                <adec:decorative xmlns:adec="http://schemas.microsoft.com/office/drawing/2017/decorative" val="1"/>
              </a:ext>
            </a:extLst>
          </p:cNvPr>
          <p:cNvSpPr txBox="1"/>
          <p:nvPr/>
        </p:nvSpPr>
        <p:spPr>
          <a:xfrm>
            <a:off x="1455550" y="552881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78" name="Oval 77" descr="Dark Blue and Mint Condition is a good combination.">
            <a:extLst>
              <a:ext uri="{FF2B5EF4-FFF2-40B4-BE49-F238E27FC236}">
                <a16:creationId xmlns:a16="http://schemas.microsoft.com/office/drawing/2014/main" id="{98ABAC2F-B930-1C68-6F48-D5485518B09E}"/>
              </a:ext>
            </a:extLst>
          </p:cNvPr>
          <p:cNvSpPr/>
          <p:nvPr/>
        </p:nvSpPr>
        <p:spPr>
          <a:xfrm>
            <a:off x="2076890" y="5303327"/>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9" name="TextBox 78">
            <a:extLst>
              <a:ext uri="{FF2B5EF4-FFF2-40B4-BE49-F238E27FC236}">
                <a16:creationId xmlns:a16="http://schemas.microsoft.com/office/drawing/2014/main" id="{C4D0E43A-F401-4745-7828-C660BD6B97F9}"/>
              </a:ext>
              <a:ext uri="{C183D7F6-B498-43B3-948B-1728B52AA6E4}">
                <adec:decorative xmlns:adec="http://schemas.microsoft.com/office/drawing/2017/decorative" val="1"/>
              </a:ext>
            </a:extLst>
          </p:cNvPr>
          <p:cNvSpPr txBox="1"/>
          <p:nvPr/>
        </p:nvSpPr>
        <p:spPr>
          <a:xfrm>
            <a:off x="2286025" y="552947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B8EAF2"/>
                </a:solidFill>
                <a:latin typeface="Cadiz SemiBold" pitchFamily="2" charset="77"/>
              </a:rPr>
              <a:t>Aa</a:t>
            </a:r>
          </a:p>
        </p:txBody>
      </p:sp>
      <p:sp>
        <p:nvSpPr>
          <p:cNvPr id="80" name="Oval 79">
            <a:extLst>
              <a:ext uri="{FF2B5EF4-FFF2-40B4-BE49-F238E27FC236}">
                <a16:creationId xmlns:a16="http://schemas.microsoft.com/office/drawing/2014/main" id="{4CA833C1-4F76-737F-A1E7-B34D3A477EC3}"/>
              </a:ext>
              <a:ext uri="{C183D7F6-B498-43B3-948B-1728B52AA6E4}">
                <adec:decorative xmlns:adec="http://schemas.microsoft.com/office/drawing/2017/decorative" val="1"/>
              </a:ext>
            </a:extLst>
          </p:cNvPr>
          <p:cNvSpPr/>
          <p:nvPr/>
        </p:nvSpPr>
        <p:spPr>
          <a:xfrm>
            <a:off x="2650017" y="5302443"/>
            <a:ext cx="727984" cy="727984"/>
          </a:xfrm>
          <a:prstGeom prst="ellipse">
            <a:avLst/>
          </a:prstGeom>
          <a:solidFill>
            <a:srgbClr val="B8EA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1" name="TextBox 80">
            <a:extLst>
              <a:ext uri="{FF2B5EF4-FFF2-40B4-BE49-F238E27FC236}">
                <a16:creationId xmlns:a16="http://schemas.microsoft.com/office/drawing/2014/main" id="{C190D318-9E25-EB7C-758D-C27ED5629CB8}"/>
              </a:ext>
              <a:ext uri="{C183D7F6-B498-43B3-948B-1728B52AA6E4}">
                <adec:decorative xmlns:adec="http://schemas.microsoft.com/office/drawing/2017/decorative" val="1"/>
              </a:ext>
            </a:extLst>
          </p:cNvPr>
          <p:cNvSpPr txBox="1"/>
          <p:nvPr/>
        </p:nvSpPr>
        <p:spPr>
          <a:xfrm>
            <a:off x="2859152" y="552859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82" name="Oval 81" descr="Dark Blue and Paleface is a good combination.">
            <a:extLst>
              <a:ext uri="{FF2B5EF4-FFF2-40B4-BE49-F238E27FC236}">
                <a16:creationId xmlns:a16="http://schemas.microsoft.com/office/drawing/2014/main" id="{95CE6135-BB0C-6EC8-5EDF-007D7EA4DBFF}"/>
              </a:ext>
            </a:extLst>
          </p:cNvPr>
          <p:cNvSpPr/>
          <p:nvPr/>
        </p:nvSpPr>
        <p:spPr>
          <a:xfrm>
            <a:off x="3480492" y="5310785"/>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3" name="TextBox 82">
            <a:extLst>
              <a:ext uri="{FF2B5EF4-FFF2-40B4-BE49-F238E27FC236}">
                <a16:creationId xmlns:a16="http://schemas.microsoft.com/office/drawing/2014/main" id="{F0F3F68A-EE67-04C0-6BE1-165FCC600CF0}"/>
              </a:ext>
              <a:ext uri="{C183D7F6-B498-43B3-948B-1728B52AA6E4}">
                <adec:decorative xmlns:adec="http://schemas.microsoft.com/office/drawing/2017/decorative" val="1"/>
              </a:ext>
            </a:extLst>
          </p:cNvPr>
          <p:cNvSpPr txBox="1"/>
          <p:nvPr/>
        </p:nvSpPr>
        <p:spPr>
          <a:xfrm>
            <a:off x="3689627" y="5536936"/>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EFFBFC"/>
                </a:solidFill>
                <a:latin typeface="Cadiz SemiBold" pitchFamily="2" charset="77"/>
              </a:rPr>
              <a:t>Aa</a:t>
            </a:r>
          </a:p>
        </p:txBody>
      </p:sp>
      <p:sp>
        <p:nvSpPr>
          <p:cNvPr id="84" name="Oval 83">
            <a:extLst>
              <a:ext uri="{FF2B5EF4-FFF2-40B4-BE49-F238E27FC236}">
                <a16:creationId xmlns:a16="http://schemas.microsoft.com/office/drawing/2014/main" id="{55635572-CF38-D4D3-A1CB-732E9697FEF8}"/>
              </a:ext>
              <a:ext uri="{C183D7F6-B498-43B3-948B-1728B52AA6E4}">
                <adec:decorative xmlns:adec="http://schemas.microsoft.com/office/drawing/2017/decorative" val="1"/>
              </a:ext>
            </a:extLst>
          </p:cNvPr>
          <p:cNvSpPr/>
          <p:nvPr/>
        </p:nvSpPr>
        <p:spPr>
          <a:xfrm>
            <a:off x="4053619" y="5309901"/>
            <a:ext cx="727984" cy="727984"/>
          </a:xfrm>
          <a:prstGeom prst="ellipse">
            <a:avLst/>
          </a:prstGeom>
          <a:solidFill>
            <a:srgbClr val="EFFBF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5" name="TextBox 84">
            <a:extLst>
              <a:ext uri="{FF2B5EF4-FFF2-40B4-BE49-F238E27FC236}">
                <a16:creationId xmlns:a16="http://schemas.microsoft.com/office/drawing/2014/main" id="{06EEED01-A0CE-B91C-0DF3-5E25607CFEDB}"/>
              </a:ext>
              <a:ext uri="{C183D7F6-B498-43B3-948B-1728B52AA6E4}">
                <adec:decorative xmlns:adec="http://schemas.microsoft.com/office/drawing/2017/decorative" val="1"/>
              </a:ext>
            </a:extLst>
          </p:cNvPr>
          <p:cNvSpPr txBox="1"/>
          <p:nvPr/>
        </p:nvSpPr>
        <p:spPr>
          <a:xfrm>
            <a:off x="4262754" y="553605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86" name="Oval 85" descr="Dark Blue and Grey Area is a good combination.">
            <a:extLst>
              <a:ext uri="{FF2B5EF4-FFF2-40B4-BE49-F238E27FC236}">
                <a16:creationId xmlns:a16="http://schemas.microsoft.com/office/drawing/2014/main" id="{9722BCB4-9255-775E-7B21-BA74E6065AA8}"/>
              </a:ext>
            </a:extLst>
          </p:cNvPr>
          <p:cNvSpPr/>
          <p:nvPr/>
        </p:nvSpPr>
        <p:spPr>
          <a:xfrm>
            <a:off x="6388846" y="5302668"/>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7" name="TextBox 86">
            <a:extLst>
              <a:ext uri="{FF2B5EF4-FFF2-40B4-BE49-F238E27FC236}">
                <a16:creationId xmlns:a16="http://schemas.microsoft.com/office/drawing/2014/main" id="{235CAB89-938F-FDFB-BA8C-32B78317A766}"/>
              </a:ext>
              <a:ext uri="{C183D7F6-B498-43B3-948B-1728B52AA6E4}">
                <adec:decorative xmlns:adec="http://schemas.microsoft.com/office/drawing/2017/decorative" val="1"/>
              </a:ext>
            </a:extLst>
          </p:cNvPr>
          <p:cNvSpPr txBox="1"/>
          <p:nvPr/>
        </p:nvSpPr>
        <p:spPr>
          <a:xfrm>
            <a:off x="6597981" y="552881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92B1B8"/>
                </a:solidFill>
                <a:latin typeface="Cadiz SemiBold" pitchFamily="2" charset="77"/>
              </a:rPr>
              <a:t>Aa</a:t>
            </a:r>
          </a:p>
        </p:txBody>
      </p:sp>
      <p:sp>
        <p:nvSpPr>
          <p:cNvPr id="88" name="Oval 87">
            <a:extLst>
              <a:ext uri="{FF2B5EF4-FFF2-40B4-BE49-F238E27FC236}">
                <a16:creationId xmlns:a16="http://schemas.microsoft.com/office/drawing/2014/main" id="{FFF3A531-83E8-2558-C306-B5A990587C33}"/>
              </a:ext>
              <a:ext uri="{C183D7F6-B498-43B3-948B-1728B52AA6E4}">
                <adec:decorative xmlns:adec="http://schemas.microsoft.com/office/drawing/2017/decorative" val="1"/>
              </a:ext>
            </a:extLst>
          </p:cNvPr>
          <p:cNvSpPr/>
          <p:nvPr/>
        </p:nvSpPr>
        <p:spPr>
          <a:xfrm>
            <a:off x="6961973" y="5301784"/>
            <a:ext cx="727984" cy="727984"/>
          </a:xfrm>
          <a:prstGeom prst="ellipse">
            <a:avLst/>
          </a:prstGeom>
          <a:solidFill>
            <a:srgbClr val="92B1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9" name="TextBox 88">
            <a:extLst>
              <a:ext uri="{FF2B5EF4-FFF2-40B4-BE49-F238E27FC236}">
                <a16:creationId xmlns:a16="http://schemas.microsoft.com/office/drawing/2014/main" id="{71F553A4-C3E4-9F58-D916-41DA9C5C5BA0}"/>
              </a:ext>
              <a:ext uri="{C183D7F6-B498-43B3-948B-1728B52AA6E4}">
                <adec:decorative xmlns:adec="http://schemas.microsoft.com/office/drawing/2017/decorative" val="1"/>
              </a:ext>
            </a:extLst>
          </p:cNvPr>
          <p:cNvSpPr txBox="1"/>
          <p:nvPr/>
        </p:nvSpPr>
        <p:spPr>
          <a:xfrm>
            <a:off x="7171108" y="5527935"/>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90" name="Oval 89" descr="Dark Blue and Light Matter is a good combination.">
            <a:extLst>
              <a:ext uri="{FF2B5EF4-FFF2-40B4-BE49-F238E27FC236}">
                <a16:creationId xmlns:a16="http://schemas.microsoft.com/office/drawing/2014/main" id="{B10D7D93-546F-A1F5-E588-2FF05B45E8ED}"/>
              </a:ext>
            </a:extLst>
          </p:cNvPr>
          <p:cNvSpPr/>
          <p:nvPr/>
        </p:nvSpPr>
        <p:spPr>
          <a:xfrm>
            <a:off x="7792448" y="5302443"/>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1" name="TextBox 90">
            <a:extLst>
              <a:ext uri="{FF2B5EF4-FFF2-40B4-BE49-F238E27FC236}">
                <a16:creationId xmlns:a16="http://schemas.microsoft.com/office/drawing/2014/main" id="{476DF2E4-05CF-D0B4-57B4-44689F3DC56C}"/>
              </a:ext>
              <a:ext uri="{C183D7F6-B498-43B3-948B-1728B52AA6E4}">
                <adec:decorative xmlns:adec="http://schemas.microsoft.com/office/drawing/2017/decorative" val="1"/>
              </a:ext>
            </a:extLst>
          </p:cNvPr>
          <p:cNvSpPr txBox="1"/>
          <p:nvPr/>
        </p:nvSpPr>
        <p:spPr>
          <a:xfrm>
            <a:off x="8001583" y="552859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D4E2E5"/>
                </a:solidFill>
                <a:latin typeface="Cadiz SemiBold" pitchFamily="2" charset="77"/>
              </a:rPr>
              <a:t>Aa</a:t>
            </a:r>
          </a:p>
        </p:txBody>
      </p:sp>
      <p:sp>
        <p:nvSpPr>
          <p:cNvPr id="92" name="Oval 91">
            <a:extLst>
              <a:ext uri="{FF2B5EF4-FFF2-40B4-BE49-F238E27FC236}">
                <a16:creationId xmlns:a16="http://schemas.microsoft.com/office/drawing/2014/main" id="{26F235B7-05F4-6F5D-BC24-5226F986C9F6}"/>
              </a:ext>
              <a:ext uri="{C183D7F6-B498-43B3-948B-1728B52AA6E4}">
                <adec:decorative xmlns:adec="http://schemas.microsoft.com/office/drawing/2017/decorative" val="1"/>
              </a:ext>
            </a:extLst>
          </p:cNvPr>
          <p:cNvSpPr/>
          <p:nvPr/>
        </p:nvSpPr>
        <p:spPr>
          <a:xfrm>
            <a:off x="8365575" y="5301559"/>
            <a:ext cx="727984" cy="727984"/>
          </a:xfrm>
          <a:prstGeom prst="ellipse">
            <a:avLst/>
          </a:prstGeom>
          <a:solidFill>
            <a:srgbClr val="D4E2E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3" name="TextBox 92">
            <a:extLst>
              <a:ext uri="{FF2B5EF4-FFF2-40B4-BE49-F238E27FC236}">
                <a16:creationId xmlns:a16="http://schemas.microsoft.com/office/drawing/2014/main" id="{3ACFAC0A-E115-6B21-25D8-0ED465792312}"/>
              </a:ext>
              <a:ext uri="{C183D7F6-B498-43B3-948B-1728B52AA6E4}">
                <adec:decorative xmlns:adec="http://schemas.microsoft.com/office/drawing/2017/decorative" val="1"/>
              </a:ext>
            </a:extLst>
          </p:cNvPr>
          <p:cNvSpPr txBox="1"/>
          <p:nvPr/>
        </p:nvSpPr>
        <p:spPr>
          <a:xfrm>
            <a:off x="8574710" y="5527710"/>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94" name="Oval 93" descr="Dark Blue and Silver Planet is a good combination.">
            <a:extLst>
              <a:ext uri="{FF2B5EF4-FFF2-40B4-BE49-F238E27FC236}">
                <a16:creationId xmlns:a16="http://schemas.microsoft.com/office/drawing/2014/main" id="{B0702CDE-CF01-0A04-17DF-03E65CDBB650}"/>
              </a:ext>
            </a:extLst>
          </p:cNvPr>
          <p:cNvSpPr/>
          <p:nvPr/>
        </p:nvSpPr>
        <p:spPr>
          <a:xfrm>
            <a:off x="9196050" y="5309901"/>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5" name="TextBox 94">
            <a:extLst>
              <a:ext uri="{FF2B5EF4-FFF2-40B4-BE49-F238E27FC236}">
                <a16:creationId xmlns:a16="http://schemas.microsoft.com/office/drawing/2014/main" id="{0B0E8045-10C8-E0ED-3F5E-81AF16C97DA7}"/>
              </a:ext>
              <a:ext uri="{C183D7F6-B498-43B3-948B-1728B52AA6E4}">
                <adec:decorative xmlns:adec="http://schemas.microsoft.com/office/drawing/2017/decorative" val="1"/>
              </a:ext>
            </a:extLst>
          </p:cNvPr>
          <p:cNvSpPr txBox="1"/>
          <p:nvPr/>
        </p:nvSpPr>
        <p:spPr>
          <a:xfrm>
            <a:off x="9405185" y="553605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1F6F6"/>
                </a:solidFill>
                <a:latin typeface="Cadiz SemiBold" pitchFamily="2" charset="77"/>
              </a:rPr>
              <a:t>Aa</a:t>
            </a:r>
          </a:p>
        </p:txBody>
      </p:sp>
      <p:sp>
        <p:nvSpPr>
          <p:cNvPr id="96" name="Oval 95">
            <a:extLst>
              <a:ext uri="{FF2B5EF4-FFF2-40B4-BE49-F238E27FC236}">
                <a16:creationId xmlns:a16="http://schemas.microsoft.com/office/drawing/2014/main" id="{A0BDF120-B3DF-FD24-C181-17AEAF15D017}"/>
              </a:ext>
              <a:ext uri="{C183D7F6-B498-43B3-948B-1728B52AA6E4}">
                <adec:decorative xmlns:adec="http://schemas.microsoft.com/office/drawing/2017/decorative" val="1"/>
              </a:ext>
            </a:extLst>
          </p:cNvPr>
          <p:cNvSpPr/>
          <p:nvPr/>
        </p:nvSpPr>
        <p:spPr>
          <a:xfrm>
            <a:off x="9769177" y="5309017"/>
            <a:ext cx="727984" cy="727984"/>
          </a:xfrm>
          <a:prstGeom prst="ellipse">
            <a:avLst/>
          </a:prstGeom>
          <a:solidFill>
            <a:srgbClr val="F1F6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7" name="TextBox 96">
            <a:extLst>
              <a:ext uri="{FF2B5EF4-FFF2-40B4-BE49-F238E27FC236}">
                <a16:creationId xmlns:a16="http://schemas.microsoft.com/office/drawing/2014/main" id="{2CCD7C56-A9D8-758F-6BC5-F1F023D6EEE4}"/>
              </a:ext>
              <a:ext uri="{C183D7F6-B498-43B3-948B-1728B52AA6E4}">
                <adec:decorative xmlns:adec="http://schemas.microsoft.com/office/drawing/2017/decorative" val="1"/>
              </a:ext>
            </a:extLst>
          </p:cNvPr>
          <p:cNvSpPr txBox="1"/>
          <p:nvPr/>
        </p:nvSpPr>
        <p:spPr>
          <a:xfrm>
            <a:off x="9978312" y="553516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cxnSp>
        <p:nvCxnSpPr>
          <p:cNvPr id="2" name="Straight Connector 1">
            <a:extLst>
              <a:ext uri="{FF2B5EF4-FFF2-40B4-BE49-F238E27FC236}">
                <a16:creationId xmlns:a16="http://schemas.microsoft.com/office/drawing/2014/main" id="{72472BAC-B2C7-C5D5-DFDA-70F4F44CC7A1}"/>
              </a:ext>
              <a:ext uri="{C183D7F6-B498-43B3-948B-1728B52AA6E4}">
                <adec:decorative xmlns:adec="http://schemas.microsoft.com/office/drawing/2017/decorative" val="1"/>
              </a:ext>
            </a:extLst>
          </p:cNvPr>
          <p:cNvCxnSpPr/>
          <p:nvPr/>
        </p:nvCxnSpPr>
        <p:spPr>
          <a:xfrm>
            <a:off x="2819916" y="2287153"/>
            <a:ext cx="0" cy="727984"/>
          </a:xfrm>
          <a:prstGeom prst="line">
            <a:avLst/>
          </a:prstGeom>
          <a:ln/>
        </p:spPr>
        <p:style>
          <a:lnRef idx="2">
            <a:schemeClr val="dk1"/>
          </a:lnRef>
          <a:fillRef idx="0">
            <a:schemeClr val="dk1"/>
          </a:fillRef>
          <a:effectRef idx="1">
            <a:schemeClr val="dk1"/>
          </a:effectRef>
          <a:fontRef idx="minor">
            <a:schemeClr val="tx1"/>
          </a:fontRef>
        </p:style>
      </p:cxnSp>
      <p:sp>
        <p:nvSpPr>
          <p:cNvPr id="4" name="TextBox 3">
            <a:extLst>
              <a:ext uri="{FF2B5EF4-FFF2-40B4-BE49-F238E27FC236}">
                <a16:creationId xmlns:a16="http://schemas.microsoft.com/office/drawing/2014/main" id="{090D9849-8BCD-32D7-6916-89E207A64709}"/>
              </a:ext>
            </a:extLst>
          </p:cNvPr>
          <p:cNvSpPr txBox="1"/>
          <p:nvPr/>
        </p:nvSpPr>
        <p:spPr>
          <a:xfrm>
            <a:off x="2859152" y="2211823"/>
            <a:ext cx="3459417" cy="830997"/>
          </a:xfrm>
          <a:prstGeom prst="rect">
            <a:avLst/>
          </a:prstGeom>
          <a:noFill/>
        </p:spPr>
        <p:txBody>
          <a:bodyPr wrap="square">
            <a:spAutoFit/>
          </a:bodyPr>
          <a:lstStyle/>
          <a:p>
            <a:pPr marL="0" indent="0">
              <a:buNone/>
            </a:pPr>
            <a:r>
              <a:rPr lang="fi-FI" sz="1600"/>
              <a:t>Oikealla olevat esimerkit ovat alle</a:t>
            </a:r>
            <a:r>
              <a:rPr lang="fi-FI" sz="1600" noProof="0"/>
              <a:t> suositellun kontrastirajan valkoista käyttäessä, mutta ovat sallittuja</a:t>
            </a:r>
          </a:p>
        </p:txBody>
      </p:sp>
    </p:spTree>
    <p:custDataLst>
      <p:custData r:id="rId1"/>
      <p:custData r:id="rId2"/>
    </p:custDataLst>
    <p:extLst>
      <p:ext uri="{BB962C8B-B14F-4D97-AF65-F5344CB8AC3E}">
        <p14:creationId xmlns:p14="http://schemas.microsoft.com/office/powerpoint/2010/main" val="84039131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319F796F-F762-DF2E-91E7-617DE9ADF6E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539A380-647A-A721-8F91-D2DCD17B67A1}"/>
              </a:ext>
            </a:extLst>
          </p:cNvPr>
          <p:cNvSpPr>
            <a:spLocks noGrp="1"/>
          </p:cNvSpPr>
          <p:nvPr>
            <p:ph type="title"/>
          </p:nvPr>
        </p:nvSpPr>
        <p:spPr/>
        <p:txBody>
          <a:bodyPr/>
          <a:lstStyle/>
          <a:p>
            <a:r>
              <a:rPr lang="fi-FI"/>
              <a:t>2. Tekoälyn perusteet</a:t>
            </a:r>
          </a:p>
        </p:txBody>
      </p:sp>
      <p:sp>
        <p:nvSpPr>
          <p:cNvPr id="5" name="Slide Number Placeholder 4">
            <a:extLst>
              <a:ext uri="{FF2B5EF4-FFF2-40B4-BE49-F238E27FC236}">
                <a16:creationId xmlns:a16="http://schemas.microsoft.com/office/drawing/2014/main" id="{CB51C6BA-191B-67E3-8179-AAB84EAE981B}"/>
              </a:ext>
            </a:extLst>
          </p:cNvPr>
          <p:cNvSpPr>
            <a:spLocks noGrp="1"/>
          </p:cNvSpPr>
          <p:nvPr>
            <p:ph type="sldNum" sz="quarter" idx="16"/>
          </p:nvPr>
        </p:nvSpPr>
        <p:spPr/>
        <p:txBody>
          <a:bodyPr/>
          <a:lstStyle/>
          <a:p>
            <a:fld id="{B64FCF4A-2F3F-4397-9C44-D2344643394B}" type="slidenum">
              <a:rPr lang="fi-FI" smtClean="0"/>
              <a:pPr/>
              <a:t>7</a:t>
            </a:fld>
            <a:endParaRPr lang="fi-FI"/>
          </a:p>
        </p:txBody>
      </p:sp>
    </p:spTree>
    <p:extLst>
      <p:ext uri="{BB962C8B-B14F-4D97-AF65-F5344CB8AC3E}">
        <p14:creationId xmlns:p14="http://schemas.microsoft.com/office/powerpoint/2010/main" val="316363220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0129E7-E8E3-1E02-A32D-04AA9730CFB7}"/>
              </a:ext>
            </a:extLst>
          </p:cNvPr>
          <p:cNvSpPr>
            <a:spLocks noGrp="1"/>
          </p:cNvSpPr>
          <p:nvPr>
            <p:ph type="title"/>
          </p:nvPr>
        </p:nvSpPr>
        <p:spPr/>
        <p:txBody>
          <a:bodyPr/>
          <a:lstStyle/>
          <a:p>
            <a:r>
              <a:rPr lang="fi-FI"/>
              <a:t>Tekoälyn perusteet</a:t>
            </a:r>
          </a:p>
        </p:txBody>
      </p:sp>
      <p:sp>
        <p:nvSpPr>
          <p:cNvPr id="33" name="Text Placeholder 32">
            <a:extLst>
              <a:ext uri="{FF2B5EF4-FFF2-40B4-BE49-F238E27FC236}">
                <a16:creationId xmlns:a16="http://schemas.microsoft.com/office/drawing/2014/main" id="{E48FB9DE-AD67-D3C3-7951-6861945287E1}"/>
              </a:ext>
            </a:extLst>
          </p:cNvPr>
          <p:cNvSpPr>
            <a:spLocks noGrp="1"/>
          </p:cNvSpPr>
          <p:nvPr>
            <p:ph type="body" sz="quarter" idx="13"/>
          </p:nvPr>
        </p:nvSpPr>
        <p:spPr/>
        <p:txBody>
          <a:bodyPr/>
          <a:lstStyle/>
          <a:p>
            <a:r>
              <a:rPr lang="fi-FI"/>
              <a:t>2. Tekoälyn perusteet</a:t>
            </a:r>
          </a:p>
        </p:txBody>
      </p:sp>
      <p:sp>
        <p:nvSpPr>
          <p:cNvPr id="8" name="Slide Number Placeholder 7">
            <a:extLst>
              <a:ext uri="{FF2B5EF4-FFF2-40B4-BE49-F238E27FC236}">
                <a16:creationId xmlns:a16="http://schemas.microsoft.com/office/drawing/2014/main" id="{07CA8963-DDC3-0ABE-ECF4-0473AFBA76DC}"/>
              </a:ext>
            </a:extLst>
          </p:cNvPr>
          <p:cNvSpPr>
            <a:spLocks noGrp="1"/>
          </p:cNvSpPr>
          <p:nvPr>
            <p:ph type="sldNum" sz="quarter" idx="15"/>
          </p:nvPr>
        </p:nvSpPr>
        <p:spPr/>
        <p:txBody>
          <a:bodyPr/>
          <a:lstStyle/>
          <a:p>
            <a:fld id="{B64FCF4A-2F3F-4397-9C44-D2344643394B}" type="slidenum">
              <a:rPr lang="fi-FI" smtClean="0"/>
              <a:pPr/>
              <a:t>8</a:t>
            </a:fld>
            <a:endParaRPr lang="fi-FI"/>
          </a:p>
        </p:txBody>
      </p:sp>
      <p:sp>
        <p:nvSpPr>
          <p:cNvPr id="5" name="Content Placeholder 4">
            <a:extLst>
              <a:ext uri="{FF2B5EF4-FFF2-40B4-BE49-F238E27FC236}">
                <a16:creationId xmlns:a16="http://schemas.microsoft.com/office/drawing/2014/main" id="{9C82DC30-6454-71B4-FE98-D451BB4763B8}"/>
              </a:ext>
            </a:extLst>
          </p:cNvPr>
          <p:cNvSpPr>
            <a:spLocks noGrp="1"/>
          </p:cNvSpPr>
          <p:nvPr>
            <p:ph sz="quarter" idx="10"/>
          </p:nvPr>
        </p:nvSpPr>
        <p:spPr/>
        <p:txBody>
          <a:bodyPr/>
          <a:lstStyle/>
          <a:p>
            <a:pPr marL="7937" indent="0">
              <a:buNone/>
            </a:pPr>
            <a:r>
              <a:rPr lang="fi-FI"/>
              <a:t>Tässä luvussa käsitellään tekoälyn toimintaperiaatteita ja oppimista sekä tutustutaan siihen, millaisia tehtäviä tekoäly voi suorittaa. Luvussa esitellään erilaisia tekoälyjä – mitä ovat tekoälyn eri muodot, millaisia ominaisuuksia niillä on ja mihin niitä sovelletaan. Lisäksi tutustutaan kielimalleihin, jotka ovat keskeisiä generatiivisen tekoälyn käytössä.</a:t>
            </a:r>
            <a:endParaRPr lang="fi-FI" b="1"/>
          </a:p>
          <a:p>
            <a:pPr marL="7937" indent="0">
              <a:buNone/>
            </a:pPr>
            <a:endParaRPr lang="fi-FI" b="1"/>
          </a:p>
          <a:p>
            <a:pPr marL="7937" indent="0">
              <a:buNone/>
            </a:pPr>
            <a:r>
              <a:rPr lang="fi-FI">
                <a:latin typeface="+mj-lt"/>
              </a:rPr>
              <a:t>Mitä tekoäly on ja miten se toimii?</a:t>
            </a:r>
          </a:p>
          <a:p>
            <a:pPr marL="7937" indent="0">
              <a:buNone/>
            </a:pPr>
            <a:r>
              <a:rPr lang="fi-FI">
                <a:latin typeface="+mj-lt"/>
              </a:rPr>
              <a:t>Mitä ominaisuuksia tekoälyn eri muodoilla on?</a:t>
            </a:r>
          </a:p>
          <a:p>
            <a:pPr marL="7937" indent="0">
              <a:buNone/>
            </a:pPr>
            <a:r>
              <a:rPr lang="fi-FI">
                <a:latin typeface="+mj-lt"/>
              </a:rPr>
              <a:t>Mitä ovat kielimallit?</a:t>
            </a:r>
          </a:p>
          <a:p>
            <a:pPr marL="7937" indent="0">
              <a:buNone/>
            </a:pPr>
            <a:endParaRPr lang="fi-FI"/>
          </a:p>
          <a:p>
            <a:pPr marL="7937" indent="0">
              <a:buNone/>
            </a:pPr>
            <a:endParaRPr lang="fi-FI"/>
          </a:p>
          <a:p>
            <a:endParaRPr lang="fi-FI" sz="1800"/>
          </a:p>
          <a:p>
            <a:endParaRPr lang="fi-FI"/>
          </a:p>
          <a:p>
            <a:endParaRPr lang="fi-FI"/>
          </a:p>
          <a:p>
            <a:endParaRPr lang="fi-FI"/>
          </a:p>
        </p:txBody>
      </p:sp>
      <p:pic>
        <p:nvPicPr>
          <p:cNvPr id="6" name="Graphic 5">
            <a:extLst>
              <a:ext uri="{FF2B5EF4-FFF2-40B4-BE49-F238E27FC236}">
                <a16:creationId xmlns:a16="http://schemas.microsoft.com/office/drawing/2014/main" id="{64F78208-B1EB-309B-FADC-18279F1B0ACA}"/>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54" name="TextBox 53">
            <a:extLst>
              <a:ext uri="{FF2B5EF4-FFF2-40B4-BE49-F238E27FC236}">
                <a16:creationId xmlns:a16="http://schemas.microsoft.com/office/drawing/2014/main" id="{4C7EBB9A-457A-978E-8121-D1E054FB8DB1}"/>
              </a:ext>
            </a:extLst>
          </p:cNvPr>
          <p:cNvSpPr txBox="1"/>
          <p:nvPr/>
        </p:nvSpPr>
        <p:spPr>
          <a:xfrm>
            <a:off x="7896226" y="967988"/>
            <a:ext cx="3400424" cy="1077218"/>
          </a:xfrm>
          <a:prstGeom prst="rect">
            <a:avLst/>
          </a:prstGeom>
          <a:noFill/>
        </p:spPr>
        <p:txBody>
          <a:bodyPr wrap="square">
            <a:spAutoFit/>
          </a:bodyPr>
          <a:lstStyle/>
          <a:p>
            <a:r>
              <a:rPr lang="fi-FI">
                <a:latin typeface="+mj-lt"/>
                <a:cs typeface="Cadiz Book (Body)" panose="020B0604020202020204"/>
              </a:rPr>
              <a:t>Oppimistavoitteet</a:t>
            </a:r>
            <a:br>
              <a:rPr lang="fi-FI">
                <a:latin typeface="+mj-lt"/>
                <a:cs typeface="Cadiz Book (Body)" panose="020B0604020202020204"/>
              </a:rPr>
            </a:br>
            <a:endParaRPr lang="fi-FI">
              <a:latin typeface="+mj-lt"/>
              <a:cs typeface="Cadiz Book (Body)" panose="020B0604020202020204"/>
            </a:endParaRPr>
          </a:p>
          <a:p>
            <a:pPr marL="285750" indent="-285750">
              <a:buFont typeface="Wingdings" panose="05000000000000000000" pitchFamily="2" charset="2"/>
              <a:buChar char="ü"/>
            </a:pPr>
            <a:r>
              <a:rPr lang="fi-FI" sz="1400" spc="-40">
                <a:solidFill>
                  <a:schemeClr val="tx1"/>
                </a:solidFill>
                <a:latin typeface="Cadiz Book (Body)" panose="020B0604020202020204" charset="0"/>
                <a:ea typeface="+mn-lt"/>
                <a:cs typeface="+mn-lt"/>
              </a:rPr>
              <a:t>Ymmärtää tekoälyn yleiset toimintaperiaatteet</a:t>
            </a:r>
            <a:endParaRPr lang="fi-FI" sz="1400"/>
          </a:p>
        </p:txBody>
      </p:sp>
    </p:spTree>
    <p:extLst>
      <p:ext uri="{BB962C8B-B14F-4D97-AF65-F5344CB8AC3E}">
        <p14:creationId xmlns:p14="http://schemas.microsoft.com/office/powerpoint/2010/main" val="234820971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4BA650-C7D2-9DCE-9823-C5B11BADE0F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7874085-8596-7D17-D5E9-96CF31C3CFC0}"/>
              </a:ext>
            </a:extLst>
          </p:cNvPr>
          <p:cNvSpPr>
            <a:spLocks noGrp="1"/>
          </p:cNvSpPr>
          <p:nvPr>
            <p:ph type="title"/>
          </p:nvPr>
        </p:nvSpPr>
        <p:spPr/>
        <p:txBody>
          <a:bodyPr/>
          <a:lstStyle/>
          <a:p>
            <a:r>
              <a:rPr lang="fi-FI"/>
              <a:t>Mitä tekoäly on ja miten se toimii?</a:t>
            </a:r>
          </a:p>
        </p:txBody>
      </p:sp>
      <p:sp>
        <p:nvSpPr>
          <p:cNvPr id="3" name="Text Placeholder 2">
            <a:extLst>
              <a:ext uri="{FF2B5EF4-FFF2-40B4-BE49-F238E27FC236}">
                <a16:creationId xmlns:a16="http://schemas.microsoft.com/office/drawing/2014/main" id="{CB1A4F4A-4752-C2F8-5535-54FD5CDF5E78}"/>
              </a:ext>
            </a:extLst>
          </p:cNvPr>
          <p:cNvSpPr>
            <a:spLocks noGrp="1"/>
          </p:cNvSpPr>
          <p:nvPr>
            <p:ph type="body" sz="quarter" idx="13"/>
          </p:nvPr>
        </p:nvSpPr>
        <p:spPr/>
        <p:txBody>
          <a:bodyPr/>
          <a:lstStyle/>
          <a:p>
            <a:r>
              <a:rPr lang="fi-FI"/>
              <a:t>2. Tekoälyn perusteet</a:t>
            </a:r>
          </a:p>
        </p:txBody>
      </p:sp>
      <p:sp>
        <p:nvSpPr>
          <p:cNvPr id="5" name="Slide Number Placeholder 4">
            <a:extLst>
              <a:ext uri="{FF2B5EF4-FFF2-40B4-BE49-F238E27FC236}">
                <a16:creationId xmlns:a16="http://schemas.microsoft.com/office/drawing/2014/main" id="{3F8C91F3-F488-C04E-192F-4439CD41F797}"/>
              </a:ext>
            </a:extLst>
          </p:cNvPr>
          <p:cNvSpPr>
            <a:spLocks noGrp="1"/>
          </p:cNvSpPr>
          <p:nvPr>
            <p:ph type="sldNum" sz="quarter" idx="15"/>
          </p:nvPr>
        </p:nvSpPr>
        <p:spPr/>
        <p:txBody>
          <a:bodyPr/>
          <a:lstStyle/>
          <a:p>
            <a:fld id="{B64FCF4A-2F3F-4397-9C44-D2344643394B}" type="slidenum">
              <a:rPr lang="fi-FI" smtClean="0"/>
              <a:pPr/>
              <a:t>9</a:t>
            </a:fld>
            <a:endParaRPr lang="fi-FI"/>
          </a:p>
        </p:txBody>
      </p:sp>
      <p:sp>
        <p:nvSpPr>
          <p:cNvPr id="7" name="Content Placeholder 6">
            <a:extLst>
              <a:ext uri="{FF2B5EF4-FFF2-40B4-BE49-F238E27FC236}">
                <a16:creationId xmlns:a16="http://schemas.microsoft.com/office/drawing/2014/main" id="{E7A20C32-E6B7-E348-45F7-29351907C97D}"/>
              </a:ext>
            </a:extLst>
          </p:cNvPr>
          <p:cNvSpPr>
            <a:spLocks noGrp="1"/>
          </p:cNvSpPr>
          <p:nvPr>
            <p:ph sz="quarter" idx="10"/>
          </p:nvPr>
        </p:nvSpPr>
        <p:spPr>
          <a:xfrm>
            <a:off x="704850" y="1920999"/>
            <a:ext cx="6950417" cy="4632246"/>
          </a:xfrm>
        </p:spPr>
        <p:txBody>
          <a:bodyPr/>
          <a:lstStyle/>
          <a:p>
            <a:pPr marL="7937" indent="0">
              <a:buNone/>
            </a:pPr>
            <a:r>
              <a:rPr lang="fi-FI" sz="1400"/>
              <a:t>Tekoäly (AI, </a:t>
            </a:r>
            <a:r>
              <a:rPr lang="fi-FI" sz="1400" err="1"/>
              <a:t>Artificial</a:t>
            </a:r>
            <a:r>
              <a:rPr lang="fi-FI" sz="1400"/>
              <a:t> </a:t>
            </a:r>
            <a:r>
              <a:rPr lang="fi-FI" sz="1400" err="1"/>
              <a:t>Intelligence</a:t>
            </a:r>
            <a:r>
              <a:rPr lang="fi-FI" sz="1400"/>
              <a:t>) on nimitys teknologioille, joiden avulla koneet ja tietokoneohjelmat voivat suorittaa tehtäviä, jotka yleensä vaativat ihmisen älykkyyttä. Tämä tarkoittaa esimerkiksi päättelyä, oppimista tai puheen ymmärtämistä. Tekoäly ei kuitenkaan toimi kuin ihmismieli, vaan se ratkaisee tehtäviä ohjelmoitujen sääntöjen, annettujen ohjeiden sekä laajoista tietomääristä oppimiensa mallien avulla. </a:t>
            </a:r>
          </a:p>
          <a:p>
            <a:pPr marL="7937" indent="0">
              <a:buNone/>
            </a:pPr>
            <a:r>
              <a:rPr lang="fi-FI" sz="1400" b="1"/>
              <a:t>Kuinka tekoäly oppii?</a:t>
            </a:r>
          </a:p>
          <a:p>
            <a:pPr marL="7937" indent="0">
              <a:buNone/>
            </a:pPr>
            <a:r>
              <a:rPr lang="fi-FI" sz="1400" b="0" i="0">
                <a:solidFill>
                  <a:srgbClr val="0E3D50"/>
                </a:solidFill>
                <a:effectLst/>
              </a:rPr>
              <a:t>Tekoäly</a:t>
            </a:r>
            <a:r>
              <a:rPr lang="fi-FI" sz="1400">
                <a:solidFill>
                  <a:srgbClr val="0E3D50"/>
                </a:solidFill>
              </a:rPr>
              <a:t>ä</a:t>
            </a:r>
            <a:r>
              <a:rPr lang="fi-FI" sz="1400" b="0" i="0">
                <a:solidFill>
                  <a:srgbClr val="0E3D50"/>
                </a:solidFill>
                <a:effectLst/>
              </a:rPr>
              <a:t> voidaan opettaa joko valmiiden esimerkkien </a:t>
            </a:r>
            <a:r>
              <a:rPr lang="fi-FI" sz="1400">
                <a:solidFill>
                  <a:srgbClr val="0E3D50"/>
                </a:solidFill>
              </a:rPr>
              <a:t>avulla</a:t>
            </a:r>
            <a:r>
              <a:rPr lang="fi-FI" sz="1400" b="0" i="0">
                <a:solidFill>
                  <a:srgbClr val="0E3D50"/>
                </a:solidFill>
                <a:effectLst/>
              </a:rPr>
              <a:t> tai ilman esimerkkejä. </a:t>
            </a:r>
          </a:p>
          <a:p>
            <a:pPr marL="7937" indent="0">
              <a:buNone/>
            </a:pPr>
            <a:r>
              <a:rPr lang="fi-FI" sz="1400" b="1"/>
              <a:t>Koneoppiminen</a:t>
            </a:r>
            <a:r>
              <a:rPr lang="fi-FI" sz="1400"/>
              <a:t> on tekoälyn muoto, jossa tekoäly oppii päättelemään ja suorittamaan tehtäviä esimerkkien avulla. </a:t>
            </a:r>
            <a:r>
              <a:rPr lang="fi-FI" sz="1400">
                <a:solidFill>
                  <a:srgbClr val="0E3D50"/>
                </a:solidFill>
              </a:rPr>
              <a:t>T</a:t>
            </a:r>
            <a:r>
              <a:rPr lang="fi-FI" sz="1400" b="0" i="0">
                <a:solidFill>
                  <a:srgbClr val="0E3D50"/>
                </a:solidFill>
                <a:effectLst/>
              </a:rPr>
              <a:t>ekoäly </a:t>
            </a:r>
            <a:r>
              <a:rPr lang="fi-FI" sz="1400"/>
              <a:t>tunnistaa esimerkeistä tyypillisiä piirteitä ja niissä esiintyviä kaavoja. Kun tekoälylle annetaan opetusvaiheessa uusia esimerkkejä, se päivittää oppimiaan malleja niiden pohjalta. </a:t>
            </a:r>
          </a:p>
          <a:p>
            <a:pPr marL="7937" indent="0">
              <a:buNone/>
            </a:pPr>
            <a:r>
              <a:rPr lang="fi-FI" sz="1400">
                <a:solidFill>
                  <a:srgbClr val="0E3D50"/>
                </a:solidFill>
                <a:latin typeface="Cadiz Book" pitchFamily="2" charset="0"/>
              </a:rPr>
              <a:t>Myös ilman esimerkkejä tapahtuva oppiminen vaatii aineistoja. Aineistoista tekoäly</a:t>
            </a:r>
            <a:r>
              <a:rPr lang="fi-FI" sz="1400">
                <a:solidFill>
                  <a:srgbClr val="0E3D50"/>
                </a:solidFill>
                <a:effectLst/>
                <a:latin typeface="Cadiz Book" pitchFamily="2" charset="0"/>
              </a:rPr>
              <a:t> etsii kaavoja ja pyrkii löytämään parhaan tavan jäsennellä annettua tietoa. </a:t>
            </a:r>
            <a:r>
              <a:rPr lang="fi-FI" sz="1400">
                <a:solidFill>
                  <a:srgbClr val="0E3D50"/>
                </a:solidFill>
                <a:latin typeface="Cadiz Book" pitchFamily="2" charset="0"/>
              </a:rPr>
              <a:t>Tämä menetelmä </a:t>
            </a:r>
            <a:r>
              <a:rPr lang="fi-FI" sz="1400">
                <a:solidFill>
                  <a:srgbClr val="0E3D50"/>
                </a:solidFill>
                <a:effectLst/>
                <a:latin typeface="Cadiz Book" pitchFamily="2" charset="0"/>
              </a:rPr>
              <a:t>sopii tehtäviin, joissa tavoitteena on ymmärtää tietoja paremmin eikä tekoälylle </a:t>
            </a:r>
            <a:r>
              <a:rPr lang="fi-FI" sz="1400">
                <a:solidFill>
                  <a:srgbClr val="0E3D50"/>
                </a:solidFill>
                <a:latin typeface="Cadiz Book" pitchFamily="2" charset="0"/>
              </a:rPr>
              <a:t>voida </a:t>
            </a:r>
            <a:r>
              <a:rPr lang="fi-FI" sz="1400">
                <a:solidFill>
                  <a:srgbClr val="0E3D50"/>
                </a:solidFill>
                <a:effectLst/>
                <a:latin typeface="Cadiz Book" pitchFamily="2" charset="0"/>
              </a:rPr>
              <a:t>esimerkeillä antaa selkeitä oikeita tai vääriä vastauksia.</a:t>
            </a:r>
          </a:p>
          <a:p>
            <a:pPr marL="7937" indent="0">
              <a:buNone/>
            </a:pPr>
            <a:r>
              <a:rPr lang="fi-FI" sz="1400"/>
              <a:t>Tekoäly voi päivittää oppimiaan kaavoja ja mukauttaa toimintaansa saamansa palautteen perusteella. Osa tekoälyä hyödyntävistä järjestelmistä toimii kuitenkin etukäteen opetusaineistosta oppimiensa mallien pohjalta, eikä niiden toiminta muutu käytön aikana. </a:t>
            </a:r>
          </a:p>
          <a:p>
            <a:pPr marL="7937" indent="0">
              <a:buNone/>
            </a:pPr>
            <a:endParaRPr lang="fi-FI" sz="1400"/>
          </a:p>
          <a:p>
            <a:pPr marL="7937" indent="0">
              <a:buNone/>
            </a:pPr>
            <a:endParaRPr lang="fi-FI" sz="1400"/>
          </a:p>
          <a:p>
            <a:pPr marL="7937" indent="0">
              <a:buNone/>
            </a:pPr>
            <a:endParaRPr lang="fi-FI" sz="1400">
              <a:solidFill>
                <a:srgbClr val="0E3D50"/>
              </a:solidFill>
              <a:latin typeface="Cadiz Book" pitchFamily="2" charset="0"/>
            </a:endParaRPr>
          </a:p>
        </p:txBody>
      </p:sp>
      <p:sp>
        <p:nvSpPr>
          <p:cNvPr id="4" name="Graphic 44">
            <a:extLst>
              <a:ext uri="{FF2B5EF4-FFF2-40B4-BE49-F238E27FC236}">
                <a16:creationId xmlns:a16="http://schemas.microsoft.com/office/drawing/2014/main" id="{836DB05D-40FD-5F7A-CCC8-CF640653376C}"/>
              </a:ext>
            </a:extLst>
          </p:cNvPr>
          <p:cNvSpPr/>
          <p:nvPr/>
        </p:nvSpPr>
        <p:spPr>
          <a:xfrm>
            <a:off x="8085092" y="1920995"/>
            <a:ext cx="3438369" cy="4573871"/>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r>
              <a:rPr lang="fi-FI" sz="1400" b="1">
                <a:solidFill>
                  <a:srgbClr val="0E3D50"/>
                </a:solidFill>
                <a:effectLst/>
                <a:latin typeface="+mj-lt"/>
              </a:rPr>
              <a:t>Oppiminen esimerkeistä</a:t>
            </a:r>
          </a:p>
          <a:p>
            <a:endParaRPr lang="fi-FI" sz="1400" b="1">
              <a:solidFill>
                <a:srgbClr val="0E3D50"/>
              </a:solidFill>
              <a:effectLst/>
            </a:endParaRPr>
          </a:p>
          <a:p>
            <a:r>
              <a:rPr lang="fi-FI" sz="1400">
                <a:solidFill>
                  <a:srgbClr val="0E3D50"/>
                </a:solidFill>
                <a:effectLst/>
              </a:rPr>
              <a:t>Tekoälylle voidaan esimerkiksi  opettaa, mitkä hoitokeinot ovat toimineet aiemmissa tapauksissa. </a:t>
            </a:r>
            <a:r>
              <a:rPr lang="fi-FI" sz="1400">
                <a:solidFill>
                  <a:srgbClr val="0E3D50"/>
                </a:solidFill>
              </a:rPr>
              <a:t>Tällöin </a:t>
            </a:r>
            <a:r>
              <a:rPr lang="fi-FI" sz="1400">
                <a:solidFill>
                  <a:srgbClr val="0E3D50"/>
                </a:solidFill>
                <a:effectLst/>
              </a:rPr>
              <a:t>tekoäly voi soveltaa oppimiaan kaavoja uusiin samankaltaisiin tapauksiin.</a:t>
            </a:r>
          </a:p>
          <a:p>
            <a:endParaRPr lang="fi-FI" sz="1400">
              <a:solidFill>
                <a:srgbClr val="0E3D50"/>
              </a:solidFill>
            </a:endParaRPr>
          </a:p>
          <a:p>
            <a:r>
              <a:rPr lang="fi-FI" sz="1400" b="1">
                <a:solidFill>
                  <a:srgbClr val="0E3D50"/>
                </a:solidFill>
                <a:latin typeface="+mj-lt"/>
              </a:rPr>
              <a:t>Oppiminen ilman esimerkkejä</a:t>
            </a:r>
          </a:p>
          <a:p>
            <a:endParaRPr lang="fi-FI" sz="1400" b="1">
              <a:solidFill>
                <a:srgbClr val="0E3D50"/>
              </a:solidFill>
            </a:endParaRPr>
          </a:p>
          <a:p>
            <a:r>
              <a:rPr lang="fi-FI" sz="1400">
                <a:solidFill>
                  <a:srgbClr val="0E3D50"/>
                </a:solidFill>
                <a:effectLst/>
              </a:rPr>
              <a:t>Tekoäly voi esimerkiksi tutkia väestötason tietoja ja etsiä niistä toistuvia yhteyksiä, ryhmittelyjä ja poikkeamia. Tekoäly voi esimerkiksi löytää yhteyksiä tietynlaisen työympäristön ja sairauksien esiintymisen välillä. </a:t>
            </a:r>
          </a:p>
          <a:p>
            <a:endParaRPr lang="fi-FI" sz="1200">
              <a:solidFill>
                <a:srgbClr val="0E3D50"/>
              </a:solidFill>
              <a:effectLst/>
            </a:endParaRPr>
          </a:p>
        </p:txBody>
      </p:sp>
    </p:spTree>
    <p:extLst>
      <p:ext uri="{BB962C8B-B14F-4D97-AF65-F5344CB8AC3E}">
        <p14:creationId xmlns:p14="http://schemas.microsoft.com/office/powerpoint/2010/main" val="107301860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iida.laukkanen\AppData\Local\Templafy\AddIns\PowerPointVsto\Set_meeting_business_grey-and-orange.sv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heme/theme1.xml><?xml version="1.0" encoding="utf-8"?>
<a:theme xmlns:a="http://schemas.openxmlformats.org/drawingml/2006/main" name="Gofore templates">
  <a:themeElements>
    <a:clrScheme name="Gofore 1">
      <a:dk1>
        <a:srgbClr val="0E3D50"/>
      </a:dk1>
      <a:lt1>
        <a:srgbClr val="FFFFFF"/>
      </a:lt1>
      <a:dk2>
        <a:srgbClr val="637C83"/>
      </a:dk2>
      <a:lt2>
        <a:srgbClr val="D3E2E5"/>
      </a:lt2>
      <a:accent1>
        <a:srgbClr val="F7663A"/>
      </a:accent1>
      <a:accent2>
        <a:srgbClr val="00839F"/>
      </a:accent2>
      <a:accent3>
        <a:srgbClr val="44C1DE"/>
      </a:accent3>
      <a:accent4>
        <a:srgbClr val="FFA471"/>
      </a:accent4>
      <a:accent5>
        <a:srgbClr val="FFE1D6"/>
      </a:accent5>
      <a:accent6>
        <a:srgbClr val="FF73A3"/>
      </a:accent6>
      <a:hlink>
        <a:srgbClr val="00839F"/>
      </a:hlink>
      <a:folHlink>
        <a:srgbClr val="91B1B8"/>
      </a:folHlink>
    </a:clrScheme>
    <a:fontScheme name="Cadiz">
      <a:majorFont>
        <a:latin typeface="Cadiz SemiBold"/>
        <a:ea typeface=""/>
        <a:cs typeface=""/>
      </a:majorFont>
      <a:minorFont>
        <a:latin typeface="Cadiz Boo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lnDef>
      <a:spPr>
        <a:ln w="9525"/>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141288" indent="-141288" algn="l">
          <a:spcAft>
            <a:spcPts val="600"/>
          </a:spcAft>
          <a:buClr>
            <a:schemeClr val="accent1"/>
          </a:buClr>
          <a:buSzPct val="95000"/>
          <a:buFont typeface="Arial" panose="020B0604020202020204" pitchFamily="34" charset="0"/>
          <a:buChar char="•"/>
          <a:defRPr kern="800" spc="-30" dirty="0" smtClean="0"/>
        </a:defPPr>
      </a:lstStyle>
    </a:txDef>
  </a:objectDefaults>
  <a:extraClrSchemeLst/>
  <a:custClrLst>
    <a:custClr name="Gofore Orange">
      <a:srgbClr val="F7673B"/>
    </a:custClr>
    <a:custClr name="Salmon Byte">
      <a:srgbClr val="FFA572"/>
    </a:custClr>
    <a:custClr name="Granny Pants">
      <a:srgbClr val="FFE2D6"/>
    </a:custClr>
    <a:custClr name="Incognito">
      <a:srgbClr val="FAF1EF"/>
    </a:custClr>
    <a:custClr name="Deep Blue">
      <a:srgbClr val="0F3D51"/>
    </a:custClr>
    <a:custClr name="Digital Blue">
      <a:srgbClr val="00839F"/>
    </a:custClr>
    <a:custClr name="Code Blue">
      <a:srgbClr val="44C2DE"/>
    </a:custClr>
    <a:custClr name="Mint Condition">
      <a:srgbClr val="B8EAF1"/>
    </a:custClr>
    <a:custClr name="Paleface">
      <a:srgbClr val="EFFAFA"/>
    </a:custClr>
    <a:custClr name="Grey Eminence">
      <a:srgbClr val="647D83"/>
    </a:custClr>
    <a:custClr name="Grey Area">
      <a:srgbClr val="92B1B8"/>
    </a:custClr>
    <a:custClr name="Light Matter">
      <a:srgbClr val="D3E3E5"/>
    </a:custClr>
    <a:custClr name="Silverplanet">
      <a:srgbClr val="F0F5F5"/>
    </a:custClr>
    <a:custClr name="Ruby on Rails">
      <a:srgbClr val="FF73A4"/>
    </a:custClr>
    <a:custClr name="Blushing Consultant">
      <a:srgbClr val="FFC6DA"/>
    </a:custClr>
    <a:custClr name="Blueberry Milk">
      <a:srgbClr val="FFEFF5"/>
    </a:custClr>
    <a:custClr name="White">
      <a:srgbClr val="FFFFFF"/>
    </a:custClr>
  </a:custClrLst>
  <a:extLst>
    <a:ext uri="{05A4C25C-085E-4340-85A3-A5531E510DB2}">
      <thm15:themeFamily xmlns:thm15="http://schemas.microsoft.com/office/thememl/2012/main" name="Presentation1" id="{954A6644-B49D-497F-AFDA-E506DC183CFD}" vid="{CF05F67D-3AC2-478A-AF54-CF8D04BE0C72}"/>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712ABF47-53D9-034A-B68C-AF291C97F9A9}">
  <we:reference id="18ff0779-7db2-4789-9cff-ad2a208faaab"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Gofore_ppt_master_2024","templateDescription":"","enableDocumentContentUpdater":false,"version":"2.0"}]]></TemplafyTemplateConfiguration>
</file>

<file path=customXml/item10.xml><?xml version="1.0" encoding="utf-8"?>
<TemplafyFormConfiguration><![CDATA[{"formFields":[],"formDataEntries":[]}]]></TemplafyFormConfiguration>
</file>

<file path=customXml/item11.xml><?xml version="1.0" encoding="utf-8"?>
<p:properties xmlns:p="http://schemas.microsoft.com/office/2006/metadata/properties" xmlns:xsi="http://www.w3.org/2001/XMLSchema-instance" xmlns:pc="http://schemas.microsoft.com/office/infopath/2007/PartnerControls">
  <documentManagement>
    <TaxCatchAll xmlns="99fd8c24-612b-426a-a030-a08091c92029" xsi:nil="true"/>
    <lcf76f155ced4ddcb4097134ff3c332f xmlns="d9bd1da4-a485-4556-8f9e-f708a1412189">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927325565209804803","enableDocumentContentUpdater":false,"version":"2.0"}]]></TemplafySlideTemplateConfiguration>
</file>

<file path=customXml/item5.xml><?xml version="1.0" encoding="utf-8"?>
<TemplafySlideTemplateConfiguration><![CDATA[{"slideVersion":1,"isValidatorEnabled":false,"isLocked":false,"elementsMetadata":[],"slideId":"927325565209804800","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A96BE716795320418B2FA1A02CAB289A" ma:contentTypeVersion="19" ma:contentTypeDescription="Create a new document." ma:contentTypeScope="" ma:versionID="11d12ae1a1062c978e1ddb71bd266138">
  <xsd:schema xmlns:xsd="http://www.w3.org/2001/XMLSchema" xmlns:xs="http://www.w3.org/2001/XMLSchema" xmlns:p="http://schemas.microsoft.com/office/2006/metadata/properties" xmlns:ns2="99fd8c24-612b-426a-a030-a08091c92029" xmlns:ns3="d9bd1da4-a485-4556-8f9e-f708a1412189" targetNamespace="http://schemas.microsoft.com/office/2006/metadata/properties" ma:root="true" ma:fieldsID="e10cc2c0505fb601cb61adedc4884f69" ns2:_="" ns3:_="">
    <xsd:import namespace="99fd8c24-612b-426a-a030-a08091c92029"/>
    <xsd:import namespace="d9bd1da4-a485-4556-8f9e-f708a1412189"/>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LengthInSeconds" minOccurs="0"/>
                <xsd:element ref="ns3:MediaServiceDateTaken" minOccurs="0"/>
                <xsd:element ref="ns3:MediaServiceGenerationTime" minOccurs="0"/>
                <xsd:element ref="ns3:MediaServiceEventHashCode" minOccurs="0"/>
                <xsd:element ref="ns3:MediaServiceOCR" minOccurs="0"/>
                <xsd:element ref="ns3:MediaServiceAutoKeyPoints" minOccurs="0"/>
                <xsd:element ref="ns3:MediaServiceKeyPoints" minOccurs="0"/>
                <xsd:element ref="ns3:lcf76f155ced4ddcb4097134ff3c332f" minOccurs="0"/>
                <xsd:element ref="ns2:TaxCatchAll" minOccurs="0"/>
                <xsd:element ref="ns3:MediaServiceSearchProperties" minOccurs="0"/>
                <xsd:element ref="ns3:MediaServiceLocation" minOccurs="0"/>
                <xsd:element ref="ns3:MediaServiceObjectDetectorVersions"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9fd8c24-612b-426a-a030-a08091c92029"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cb47b25f-0734-413b-8c2c-069249f8b0d0}" ma:internalName="TaxCatchAll" ma:showField="CatchAllData" ma:web="99fd8c24-612b-426a-a030-a08091c92029">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d9bd1da4-a485-4556-8f9e-f708a1412189"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LengthInSeconds" ma:index="12" nillable="true" ma:displayName="MediaLengthInSeconds" ma:hidden="true" ma:internalName="MediaLengthInSeconds" ma:readOnly="true">
      <xsd:simpleType>
        <xsd:restriction base="dms:Unknown"/>
      </xsd:simpleType>
    </xsd:element>
    <xsd:element name="MediaServiceDateTaken" ma:index="13" nillable="true" ma:displayName="MediaServiceDateTaken" ma:hidden="true" ma:internalName="MediaServiceDateTake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c4f2bbea-96c7-4b3a-bb15-521f54317d0c" ma:termSetId="09814cd3-568e-fe90-9814-8d621ff8fb84" ma:anchorId="fba54fb3-c3e1-fe81-a776-ca4b69148c4d" ma:open="true" ma:isKeyword="false">
      <xsd:complexType>
        <xsd:sequence>
          <xsd:element ref="pc:Terms" minOccurs="0" maxOccurs="1"/>
        </xsd:sequence>
      </xsd:complex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ServiceLocation" ma:index="23" nillable="true" ma:displayName="Location" ma:description="" ma:indexed="true" ma:internalName="MediaServiceLocation" ma:readOnly="true">
      <xsd:simpleType>
        <xsd:restriction base="dms:Text"/>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BillingMetadata" ma:index="25"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TemplateConfiguration><![CDATA[{"slideVersion":1,"isValidatorEnabled":false,"isLocked":false,"elementsMetadata":[],"slideId":"927325565209804812","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2FE45FF7-836B-4C69-B1D6-F57539BCCF2C}">
  <ds:schemaRefs/>
</ds:datastoreItem>
</file>

<file path=customXml/itemProps10.xml><?xml version="1.0" encoding="utf-8"?>
<ds:datastoreItem xmlns:ds="http://schemas.openxmlformats.org/officeDocument/2006/customXml" ds:itemID="{E8EA974A-3045-438A-A35B-B865B11F8196}">
  <ds:schemaRefs/>
</ds:datastoreItem>
</file>

<file path=customXml/itemProps11.xml><?xml version="1.0" encoding="utf-8"?>
<ds:datastoreItem xmlns:ds="http://schemas.openxmlformats.org/officeDocument/2006/customXml" ds:itemID="{696C03F7-7706-4E21-ABE2-4195B94C0D40}">
  <ds:schemaRefs>
    <ds:schemaRef ds:uri="99fd8c24-612b-426a-a030-a08091c92029"/>
    <ds:schemaRef ds:uri="d9bd1da4-a485-4556-8f9e-f708a1412189"/>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2.xml><?xml version="1.0" encoding="utf-8"?>
<ds:datastoreItem xmlns:ds="http://schemas.openxmlformats.org/officeDocument/2006/customXml" ds:itemID="{C86C70A6-4B27-4516-87BC-323C5B1DD4BC}">
  <ds:schemaRefs>
    <ds:schemaRef ds:uri="http://schemas.microsoft.com/sharepoint/v3/contenttype/forms"/>
  </ds:schemaRefs>
</ds:datastoreItem>
</file>

<file path=customXml/itemProps3.xml><?xml version="1.0" encoding="utf-8"?>
<ds:datastoreItem xmlns:ds="http://schemas.openxmlformats.org/officeDocument/2006/customXml" ds:itemID="{E379F68F-9806-4003-B92D-7D04CA37F563}">
  <ds:schemaRefs/>
</ds:datastoreItem>
</file>

<file path=customXml/itemProps4.xml><?xml version="1.0" encoding="utf-8"?>
<ds:datastoreItem xmlns:ds="http://schemas.openxmlformats.org/officeDocument/2006/customXml" ds:itemID="{5F3DA14C-E5A6-CF4F-A9EB-B0EF31B2198F}">
  <ds:schemaRefs/>
</ds:datastoreItem>
</file>

<file path=customXml/itemProps5.xml><?xml version="1.0" encoding="utf-8"?>
<ds:datastoreItem xmlns:ds="http://schemas.openxmlformats.org/officeDocument/2006/customXml" ds:itemID="{19570657-C322-4225-B8A4-4DE488BCBAA4}">
  <ds:schemaRefs/>
</ds:datastoreItem>
</file>

<file path=customXml/itemProps6.xml><?xml version="1.0" encoding="utf-8"?>
<ds:datastoreItem xmlns:ds="http://schemas.openxmlformats.org/officeDocument/2006/customXml" ds:itemID="{76E75A97-8C34-4772-BA9F-DEAF7BF708AB}">
  <ds:schemaRefs/>
</ds:datastoreItem>
</file>

<file path=customXml/itemProps7.xml><?xml version="1.0" encoding="utf-8"?>
<ds:datastoreItem xmlns:ds="http://schemas.openxmlformats.org/officeDocument/2006/customXml" ds:itemID="{D140EF23-D7F2-4D92-8374-C279E178AEF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9fd8c24-612b-426a-a030-a08091c92029"/>
    <ds:schemaRef ds:uri="d9bd1da4-a485-4556-8f9e-f708a141218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85FD7D21-04C8-43EA-9EC5-87A8BE79DABF}">
  <ds:schemaRefs/>
</ds:datastoreItem>
</file>

<file path=customXml/itemProps9.xml><?xml version="1.0" encoding="utf-8"?>
<ds:datastoreItem xmlns:ds="http://schemas.openxmlformats.org/officeDocument/2006/customXml" ds:itemID="{1CF4F027-6D41-2041-9A98-B9CB04B1FAB9}">
  <ds:schemaRefs/>
</ds:datastoreItem>
</file>

<file path=docProps/app.xml><?xml version="1.0" encoding="utf-8"?>
<Properties xmlns="http://schemas.openxmlformats.org/officeDocument/2006/extended-properties" xmlns:vt="http://schemas.openxmlformats.org/officeDocument/2006/docPropsVTypes">
  <Template>Gofore templates</Template>
  <TotalTime>25</TotalTime>
  <Words>8684</Words>
  <Application>Microsoft Macintosh PowerPoint</Application>
  <PresentationFormat>Widescreen</PresentationFormat>
  <Paragraphs>861</Paragraphs>
  <Slides>62</Slides>
  <Notes>55</Notes>
  <HiddenSlides>0</HiddenSlides>
  <MMClips>0</MMClips>
  <ScaleCrop>false</ScaleCrop>
  <HeadingPairs>
    <vt:vector size="6" baseType="variant">
      <vt:variant>
        <vt:lpstr>Fonts Used</vt:lpstr>
      </vt:variant>
      <vt:variant>
        <vt:i4>9</vt:i4>
      </vt:variant>
      <vt:variant>
        <vt:lpstr>Theme</vt:lpstr>
      </vt:variant>
      <vt:variant>
        <vt:i4>1</vt:i4>
      </vt:variant>
      <vt:variant>
        <vt:lpstr>Slide Titles</vt:lpstr>
      </vt:variant>
      <vt:variant>
        <vt:i4>62</vt:i4>
      </vt:variant>
    </vt:vector>
  </HeadingPairs>
  <TitlesOfParts>
    <vt:vector size="72" baseType="lpstr">
      <vt:lpstr>Wingdings</vt:lpstr>
      <vt:lpstr>Segoe UI Web (West European)</vt:lpstr>
      <vt:lpstr>Cadiz Book (Body)</vt:lpstr>
      <vt:lpstr>Arial</vt:lpstr>
      <vt:lpstr>Cadiz Book</vt:lpstr>
      <vt:lpstr>Calibri</vt:lpstr>
      <vt:lpstr>Cadiz SemiBold</vt:lpstr>
      <vt:lpstr>Aptos</vt:lpstr>
      <vt:lpstr>Messina Modern Book</vt:lpstr>
      <vt:lpstr>Gofore templates</vt:lpstr>
      <vt:lpstr>Tekoälyn lukutaito-opas</vt:lpstr>
      <vt:lpstr>Sisällysluettelo</vt:lpstr>
      <vt:lpstr>Oppaan sisältö ja oppimistavoitteet</vt:lpstr>
      <vt:lpstr>Oppaan lukuohje</vt:lpstr>
      <vt:lpstr>1. Johdanto</vt:lpstr>
      <vt:lpstr>Miksi tekoälyn lukutaito on tärkeää?</vt:lpstr>
      <vt:lpstr>2. Tekoälyn perusteet</vt:lpstr>
      <vt:lpstr>Tekoälyn perusteet</vt:lpstr>
      <vt:lpstr>Mitä tekoäly on ja miten se toimii?</vt:lpstr>
      <vt:lpstr>Mitä ominaisuuksia tekoälyn eri muodoilla on?</vt:lpstr>
      <vt:lpstr>Mitä ovat kielimallit?</vt:lpstr>
      <vt:lpstr>Yhteenveto</vt:lpstr>
      <vt:lpstr>3. Tekoälyn käyttökohteita</vt:lpstr>
      <vt:lpstr>Tekoälyn käyttökohteita</vt:lpstr>
      <vt:lpstr>Missä ja mihin tekoälyä käytetään?</vt:lpstr>
      <vt:lpstr>Miten tekoälyn käyttö kehittyy hyvinvointialueilla?</vt:lpstr>
      <vt:lpstr>Millä tavoin tekoälyä voidaan hyödyntää hyvinvointialueilla?</vt:lpstr>
      <vt:lpstr>Esimerkkejä tekoälyn käyttökohteista sosiaalihuollossa</vt:lpstr>
      <vt:lpstr>Esimerkkejä tekoälyn käyttökohteista terveydenhuollossa</vt:lpstr>
      <vt:lpstr>Esimerkkejä tekoälyn käyttökohteista pelastustoimessa</vt:lpstr>
      <vt:lpstr>Esimerkkejä tekoälyn käyttökohteista SOTEPE-hallinnossa</vt:lpstr>
      <vt:lpstr>Yhteenveto</vt:lpstr>
      <vt:lpstr>4. Eettisiä näkökulmia</vt:lpstr>
      <vt:lpstr>Eettisiä näkökulmia</vt:lpstr>
      <vt:lpstr>Mitä eettisiä näkökulmia tekoälyn käytössä tulee huomioida? </vt:lpstr>
      <vt:lpstr>Millaisia vaikutuksia tekoälyllä voi olla yksilöön ja yhteiskuntaan?</vt:lpstr>
      <vt:lpstr>Miten arvioida tekoälyn käytön eettisten periaatteiden toteutumista työssäsi?</vt:lpstr>
      <vt:lpstr>Esimerkkejä tekoälyn eettisistä näkökulmista sosiaalihuollossa</vt:lpstr>
      <vt:lpstr>Esimerkkejä tekoälyn eettisistä näkökulmista terveydenhuollossa</vt:lpstr>
      <vt:lpstr>Esimerkkejä tekoälyn eettisistä näkökulmista pelastustoimessa</vt:lpstr>
      <vt:lpstr>Esimerkkejä tekoälyn eettisistä näkökulmista SOTEPE-hallinnossa</vt:lpstr>
      <vt:lpstr>Yhteenveto</vt:lpstr>
      <vt:lpstr>5. Tekoälyn sääntely</vt:lpstr>
      <vt:lpstr>Tekoälyn sääntely</vt:lpstr>
      <vt:lpstr>Mitä tekoälyä koskevat säädökset määräävät?</vt:lpstr>
      <vt:lpstr>Miten tekoälyjärjestelmien riskejä luokitellaan?</vt:lpstr>
      <vt:lpstr>Miten sääntely ohjaa tekoälyn käyttöä hyvinvointialueilla?</vt:lpstr>
      <vt:lpstr>Miten arvioida tekoälyn tuottamia tuloksia?</vt:lpstr>
      <vt:lpstr>Yhteenveto</vt:lpstr>
      <vt:lpstr>6. Tarkistuskysymykset ja mallivastaukset</vt:lpstr>
      <vt:lpstr>Tarkistuskysymykset ja mallivastaukset</vt:lpstr>
      <vt:lpstr>Tarkistuskysymykset</vt:lpstr>
      <vt:lpstr>Tarkistuskysymykset (1/6)</vt:lpstr>
      <vt:lpstr>Tarkistuskysymykset (2/6)</vt:lpstr>
      <vt:lpstr>Tarkistuskysymykset (3/6)</vt:lpstr>
      <vt:lpstr>Tarkistuskysymykset (4/6)</vt:lpstr>
      <vt:lpstr>Tarkistuskysymykset (5/6)</vt:lpstr>
      <vt:lpstr>Tarkistuskysymykset (6/6)</vt:lpstr>
      <vt:lpstr>Mallivastaukset</vt:lpstr>
      <vt:lpstr>Tarkista vastauksesi </vt:lpstr>
      <vt:lpstr>Tarkista vastauksesi </vt:lpstr>
      <vt:lpstr>Tarkista vastauksesi </vt:lpstr>
      <vt:lpstr>Tarkista vastauksesi </vt:lpstr>
      <vt:lpstr>Tarkista vastauksesi </vt:lpstr>
      <vt:lpstr>Tarkista vastauksesi </vt:lpstr>
      <vt:lpstr>Tarkista vastauksesi</vt:lpstr>
      <vt:lpstr>Tarkista vastauksesi</vt:lpstr>
      <vt:lpstr>Kiitos!</vt:lpstr>
      <vt:lpstr>Lisämateriaaleja</vt:lpstr>
      <vt:lpstr>PowerPoint Presentation</vt:lpstr>
      <vt:lpstr>Varmista saavutettavuus</vt:lpstr>
      <vt:lpstr>Käytä värejä, joilla on riittävä kontrasti</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koälyn lukutaito-opas</dc:title>
  <dc:subject/>
  <dc:creator>Tiila Käenniemi</dc:creator>
  <cp:keywords/>
  <dc:description/>
  <cp:lastModifiedBy>Hanna Nurminen</cp:lastModifiedBy>
  <cp:revision>9</cp:revision>
  <dcterms:created xsi:type="dcterms:W3CDTF">2024-08-27T06:35:34Z</dcterms:created>
  <dcterms:modified xsi:type="dcterms:W3CDTF">2026-02-10T09:55:2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XPowerLiteLastOptimized">
    <vt:lpwstr>4440841</vt:lpwstr>
  </property>
  <property fmtid="{D5CDD505-2E9C-101B-9397-08002B2CF9AE}" pid="3" name="NXPowerLiteSettings">
    <vt:lpwstr>C980073804F000</vt:lpwstr>
  </property>
  <property fmtid="{D5CDD505-2E9C-101B-9397-08002B2CF9AE}" pid="4" name="NXPowerLiteVersion">
    <vt:lpwstr>D8.0.8</vt:lpwstr>
  </property>
  <property fmtid="{D5CDD505-2E9C-101B-9397-08002B2CF9AE}" pid="5" name="ContentTypeId">
    <vt:lpwstr>0x010100A96BE716795320418B2FA1A02CAB289A</vt:lpwstr>
  </property>
  <property fmtid="{D5CDD505-2E9C-101B-9397-08002B2CF9AE}" pid="6" name="TaxKeyword">
    <vt:lpwstr/>
  </property>
  <property fmtid="{D5CDD505-2E9C-101B-9397-08002B2CF9AE}" pid="7" name="MSIP_Label_1f379a47-aacf-4160-a213-2afb2ce36c33_Enabled">
    <vt:lpwstr>true</vt:lpwstr>
  </property>
  <property fmtid="{D5CDD505-2E9C-101B-9397-08002B2CF9AE}" pid="8" name="MSIP_Label_1f379a47-aacf-4160-a213-2afb2ce36c33_SetDate">
    <vt:lpwstr>2024-01-23T08:52:09Z</vt:lpwstr>
  </property>
  <property fmtid="{D5CDD505-2E9C-101B-9397-08002B2CF9AE}" pid="9" name="MSIP_Label_1f379a47-aacf-4160-a213-2afb2ce36c33_Method">
    <vt:lpwstr>Privileged</vt:lpwstr>
  </property>
  <property fmtid="{D5CDD505-2E9C-101B-9397-08002B2CF9AE}" pid="10" name="MSIP_Label_1f379a47-aacf-4160-a213-2afb2ce36c33_Name">
    <vt:lpwstr>Confidential</vt:lpwstr>
  </property>
  <property fmtid="{D5CDD505-2E9C-101B-9397-08002B2CF9AE}" pid="11" name="MSIP_Label_1f379a47-aacf-4160-a213-2afb2ce36c33_SiteId">
    <vt:lpwstr>4b4e036d-f94b-4209-8f07-6860b3641366</vt:lpwstr>
  </property>
  <property fmtid="{D5CDD505-2E9C-101B-9397-08002B2CF9AE}" pid="12" name="MSIP_Label_1f379a47-aacf-4160-a213-2afb2ce36c33_ActionId">
    <vt:lpwstr>52b7d871-9b4a-4ee5-958f-6458c09dde67</vt:lpwstr>
  </property>
  <property fmtid="{D5CDD505-2E9C-101B-9397-08002B2CF9AE}" pid="13" name="MSIP_Label_1f379a47-aacf-4160-a213-2afb2ce36c33_ContentBits">
    <vt:lpwstr>0</vt:lpwstr>
  </property>
  <property fmtid="{D5CDD505-2E9C-101B-9397-08002B2CF9AE}" pid="14" name="MediaServiceImageTags">
    <vt:lpwstr/>
  </property>
  <property fmtid="{D5CDD505-2E9C-101B-9397-08002B2CF9AE}" pid="15" name="TemplafyTimeStamp">
    <vt:lpwstr>2024-06-03T11:28:24</vt:lpwstr>
  </property>
  <property fmtid="{D5CDD505-2E9C-101B-9397-08002B2CF9AE}" pid="16" name="TemplafyTenantId">
    <vt:lpwstr>gofore</vt:lpwstr>
  </property>
  <property fmtid="{D5CDD505-2E9C-101B-9397-08002B2CF9AE}" pid="17" name="TemplafyTemplateId">
    <vt:lpwstr>927325555807748100</vt:lpwstr>
  </property>
  <property fmtid="{D5CDD505-2E9C-101B-9397-08002B2CF9AE}" pid="18" name="TemplafyUserProfileId">
    <vt:lpwstr>977199919162720262</vt:lpwstr>
  </property>
  <property fmtid="{D5CDD505-2E9C-101B-9397-08002B2CF9AE}" pid="19" name="TemplafyFromBlank">
    <vt:bool>true</vt:bool>
  </property>
</Properties>
</file>